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STAFF ROG 6 (55-73)\Attachments\56\"/>
    </mc:Choice>
  </mc:AlternateContent>
  <xr:revisionPtr revIDLastSave="0" documentId="13_ncr:1_{2590243E-2E14-4389-A654-92ADFBE835CE}" xr6:coauthVersionLast="47" xr6:coauthVersionMax="47" xr10:uidLastSave="{00000000-0000-0000-0000-000000000000}"/>
  <bookViews>
    <workbookView xWindow="-108" yWindow="-108" windowWidth="23256" windowHeight="12456" xr2:uid="{3784127F-652E-48BE-992E-62C11E4E8B4D}"/>
  </bookViews>
  <sheets>
    <sheet name="Parent-Debt Adjustment Forecast" sheetId="33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</externalReferences>
  <definedNames>
    <definedName name="\A">#REF!</definedName>
    <definedName name="\B">#REF!</definedName>
    <definedName name="\bb">#REF!</definedName>
    <definedName name="\C">'[1]4797 Part 1'!#REF!</definedName>
    <definedName name="\D">#REF!</definedName>
    <definedName name="\DDD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L">#REF!</definedName>
    <definedName name="\M">#REF!</definedName>
    <definedName name="\N">#REF!</definedName>
    <definedName name="\P">#REF!</definedName>
    <definedName name="\Q">'[2]NC Form 1 Page 328'!#REF!</definedName>
    <definedName name="\R">#REF!</definedName>
    <definedName name="\S">'[3]EFC FL'!#REF!</definedName>
    <definedName name="\T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PG3">#REF!</definedName>
    <definedName name="__123Graph_A" hidden="1">#REF!</definedName>
    <definedName name="__123Graph_B" hidden="1">#REF!</definedName>
    <definedName name="__123Graph_C" hidden="1">#REF!</definedName>
    <definedName name="__123Graph_D" hidden="1">#REF!</definedName>
    <definedName name="__123Graph_E" hidden="1">#REF!</definedName>
    <definedName name="__123Graph_F" hidden="1">[4]B!#REF!</definedName>
    <definedName name="__123Graph_X" hidden="1">#REF!</definedName>
    <definedName name="__FPC1">#REF!</definedName>
    <definedName name="__FPC2">#REF!</definedName>
    <definedName name="__FPC3">#REF!</definedName>
    <definedName name="__fsd44" hidden="1">{#N/A,#N/A,FALSE,"Aging Summary";#N/A,#N/A,FALSE,"Ratio Analysis";#N/A,#N/A,FALSE,"Test 120 Day Accts";#N/A,#N/A,FALSE,"Tickmarks"}</definedName>
    <definedName name="__PG1">#REF!</definedName>
    <definedName name="__PG2">#REF!</definedName>
    <definedName name="__PG3">#REF!</definedName>
    <definedName name="__PG4">#REF!</definedName>
    <definedName name="__PG5">#REF!</definedName>
    <definedName name="__yr01">'[5]AE Sum'!#REF!</definedName>
    <definedName name="__yr02">'[5]AE Sum'!#REF!</definedName>
    <definedName name="__yr03">'[5]AE Sum'!#REF!</definedName>
    <definedName name="__yr04">'[5]AE Sum'!#REF!</definedName>
    <definedName name="__yr05">'[5]AE Sum'!#REF!</definedName>
    <definedName name="__yr06">'[5]AE Sum'!#REF!</definedName>
    <definedName name="__yr07">'[5]AE Sum'!#REF!</definedName>
    <definedName name="__yr08">'[5]AE Sum'!#REF!</definedName>
    <definedName name="__yr09">'[5]AE Sum'!#REF!</definedName>
    <definedName name="__yr10">'[5]AE Sum'!#REF!</definedName>
    <definedName name="__yr11">'[5]AE Sum'!#REF!</definedName>
    <definedName name="__yr12">'[5]AE Sum'!#REF!</definedName>
    <definedName name="__yr13">'[5]AE Sum'!#REF!</definedName>
    <definedName name="__yr14">'[5]AE Sum'!#REF!</definedName>
    <definedName name="__yr15">'[5]AE Sum'!#REF!</definedName>
    <definedName name="__yr16">'[5]AE Sum'!#REF!</definedName>
    <definedName name="__yr17">'[5]AE Sum'!#REF!</definedName>
    <definedName name="__yr18">'[5]AE Sum'!#REF!</definedName>
    <definedName name="__yr19">'[5]AE Sum'!#REF!</definedName>
    <definedName name="__YR2">'[5]AE Sum'!#REF!</definedName>
    <definedName name="__yr20">'[5]AE Sum'!#REF!</definedName>
    <definedName name="__yr21">'[5]AE Sum'!#REF!</definedName>
    <definedName name="__YR3">'[5]AE Sum'!#REF!</definedName>
    <definedName name="__YR4">'[5]AE Sum'!#REF!</definedName>
    <definedName name="__YR5">'[5]AE Sum'!#REF!</definedName>
    <definedName name="__YR6">'[5]AE Sum'!#REF!</definedName>
    <definedName name="__yr98">'[5]AE Sum'!#REF!</definedName>
    <definedName name="__yr99">'[5]AE Sum'!#REF!</definedName>
    <definedName name="_123Graph_F1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">#REF!</definedName>
    <definedName name="_2_1">#REF!</definedName>
    <definedName name="_2_2">[6]MONTH2!#REF!</definedName>
    <definedName name="_2_3">[6]MONTH2!#REF!</definedName>
    <definedName name="_328_J_7">'[2]NC Form 1 Page 328'!#REF!</definedName>
    <definedName name="_328_J_8">'[2]NC Form 1 Page 328'!#REF!</definedName>
    <definedName name="_328_K_7">'[2]NC Form 1 Page 328'!#REF!</definedName>
    <definedName name="_328_K_8">'[2]NC Form 1 Page 328'!#REF!</definedName>
    <definedName name="_328_L">[7]FERCPages!#REF!</definedName>
    <definedName name="_328_M">[7]FERCPages!#REF!</definedName>
    <definedName name="_328_N">[7]FERCPages!#REF!</definedName>
    <definedName name="_4_1">#REF!</definedName>
    <definedName name="_4_2">[6]MONTH4!#REF!</definedName>
    <definedName name="_4_3">[6]MONTH4!#REF!</definedName>
    <definedName name="_6MOS">#REF!</definedName>
    <definedName name="_6MOS_1">#REF!</definedName>
    <definedName name="_6MOS_2">#REF!</definedName>
    <definedName name="_6MOS_3">#REF!</definedName>
    <definedName name="_97opls">#REF!</definedName>
    <definedName name="_AUG94">#REF!</definedName>
    <definedName name="_Fill" hidden="1">#REF!</definedName>
    <definedName name="_FPC1">#REF!</definedName>
    <definedName name="_FPC2">#REF!</definedName>
    <definedName name="_FPC3">#REF!</definedName>
    <definedName name="_fsd44" hidden="1">{#N/A,#N/A,FALSE,"Aging Summary";#N/A,#N/A,FALSE,"Ratio Analysis";#N/A,#N/A,FALSE,"Test 120 Day Accts";#N/A,#N/A,FALSE,"Tickmarks"}</definedName>
    <definedName name="_Key1" hidden="1">#REF!</definedName>
    <definedName name="_Key2" hidden="1">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PG1">#REF!</definedName>
    <definedName name="_PG2">#REF!</definedName>
    <definedName name="_PG5">#REF!</definedName>
    <definedName name="_Regression_Int" hidden="1">1</definedName>
    <definedName name="_SEP94">#REF!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Out" hidden="1">#REF!</definedName>
    <definedName name="_yr01">'[5]AE Sum'!#REF!</definedName>
    <definedName name="_yr02">'[5]AE Sum'!#REF!</definedName>
    <definedName name="_yr03">'[5]AE Sum'!#REF!</definedName>
    <definedName name="_yr04">'[5]AE Sum'!#REF!</definedName>
    <definedName name="_yr05">'[5]AE Sum'!#REF!</definedName>
    <definedName name="_yr06">'[5]AE Sum'!#REF!</definedName>
    <definedName name="_yr07">'[5]AE Sum'!#REF!</definedName>
    <definedName name="_yr08">'[5]AE Sum'!#REF!</definedName>
    <definedName name="_yr09">'[5]AE Sum'!#REF!</definedName>
    <definedName name="_yr10">'[5]AE Sum'!#REF!</definedName>
    <definedName name="_yr11">'[5]AE Sum'!#REF!</definedName>
    <definedName name="_yr12">'[5]AE Sum'!#REF!</definedName>
    <definedName name="_yr13">'[5]AE Sum'!#REF!</definedName>
    <definedName name="_yr14">'[5]AE Sum'!#REF!</definedName>
    <definedName name="_yr15">'[5]AE Sum'!#REF!</definedName>
    <definedName name="_yr16">'[5]AE Sum'!#REF!</definedName>
    <definedName name="_yr17">'[5]AE Sum'!#REF!</definedName>
    <definedName name="_yr18">'[5]AE Sum'!#REF!</definedName>
    <definedName name="_yr19">'[5]AE Sum'!#REF!</definedName>
    <definedName name="_YR2">'[5]AE Sum'!#REF!</definedName>
    <definedName name="_yr20">'[5]AE Sum'!#REF!</definedName>
    <definedName name="_Yr2007">'[8]NERC (2007-2010)'!$C$70</definedName>
    <definedName name="_Yr2008">'[8]NERC (2007-2010)'!$C$71</definedName>
    <definedName name="_Yr2009">'[8]NERC (2007-2010)'!$C$72</definedName>
    <definedName name="_Yr2010">'[8]NERC (2007-2010)'!$C$73</definedName>
    <definedName name="_yr21">'[5]AE Sum'!#REF!</definedName>
    <definedName name="_YR3">'[5]AE Sum'!#REF!</definedName>
    <definedName name="_YR4">'[5]AE Sum'!#REF!</definedName>
    <definedName name="_YR5">'[5]AE Sum'!#REF!</definedName>
    <definedName name="_YR6">'[5]AE Sum'!#REF!</definedName>
    <definedName name="_yr98">'[5]AE Sum'!#REF!</definedName>
    <definedName name="_yr99">'[5]AE Sum'!#REF!</definedName>
    <definedName name="A">#REF!</definedName>
    <definedName name="A_1">#REF!</definedName>
    <definedName name="A_2">#REF!</definedName>
    <definedName name="A_3">#REF!</definedName>
    <definedName name="A1topd">#REF!</definedName>
    <definedName name="A9A">[9]MONTH6!$A$1:$J$137</definedName>
    <definedName name="AccdMICP">#REF!</definedName>
    <definedName name="AccrExp">#REF!</definedName>
    <definedName name="AccrExpSum">#REF!</definedName>
    <definedName name="AccrMICP">#REF!</definedName>
    <definedName name="ACCRUED_401K">#REF!</definedName>
    <definedName name="ACCRUED_LIAB">#REF!</definedName>
    <definedName name="acct1410">#REF!</definedName>
    <definedName name="acct2810">#REF!</definedName>
    <definedName name="ACE">#REF!</definedName>
    <definedName name="ACT">'[10]Common franch tax '!$A$1</definedName>
    <definedName name="ACT_EIN">'[10]Common franch tax '!$A$2</definedName>
    <definedName name="advance">#REF!</definedName>
    <definedName name="ADVERT">#REF!</definedName>
    <definedName name="AFUDC">#REF!</definedName>
    <definedName name="ALLOCATION">#REF!</definedName>
    <definedName name="Allocators">[11]Allocators!$B$4:$D$83</definedName>
    <definedName name="AllocIncTaxExpensePg2">#REF!</definedName>
    <definedName name="AMT">#REF!</definedName>
    <definedName name="ANAL">#REF!</definedName>
    <definedName name="ANNFEB">#REF!</definedName>
    <definedName name="ANNMAR">[12]JE_3RD!#REF!</definedName>
    <definedName name="APN">'[13]02budg'!#REF!</definedName>
    <definedName name="ARAMSum">#REF!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set_Retrieve">#REF!</definedName>
    <definedName name="AUG_1">#REF!</definedName>
    <definedName name="AUG_2">[6]MONTH1!#REF!</definedName>
    <definedName name="AUG_3">[6]MONTH1!#REF!</definedName>
    <definedName name="AUGUST">#REF!</definedName>
    <definedName name="av">#REF!</definedName>
    <definedName name="AVSACURRYR">'[14]Unbilled Calc'!#REF!</definedName>
    <definedName name="AVSBCURRMO">'[14]Unbilled Calc'!#REF!</definedName>
    <definedName name="bad_debt">#REF!</definedName>
    <definedName name="BAD_DEBT_EXPENSE">#REF!</definedName>
    <definedName name="BASIS">#REF!</definedName>
    <definedName name="bigbuckrecon">#REF!</definedName>
    <definedName name="Billing">#REF!</definedName>
    <definedName name="block">#REF!</definedName>
    <definedName name="block2">'[15]Lines 12-26'!#REF!</definedName>
    <definedName name="BNE_MESSAGES_HIDDEN" hidden="1">#REF!</definedName>
    <definedName name="BOOKDEP">#REF!</definedName>
    <definedName name="BOOKDEPAFUDC">#REF!</definedName>
    <definedName name="Broker">#REF!</definedName>
    <definedName name="BUDGET">'[14]Unbilled Calc'!#REF!</definedName>
    <definedName name="burtonrecon">#REF!</definedName>
    <definedName name="bv" hidden="1">{#N/A,#N/A,FALSE,"Aging Summary";#N/A,#N/A,FALSE,"Ratio Analysis";#N/A,#N/A,FALSE,"Test 120 Day Accts";#N/A,#N/A,FALSE,"Tickmarks"}</definedName>
    <definedName name="C_51_1">#REF!</definedName>
    <definedName name="C_51_1_93">#REF!</definedName>
    <definedName name="C_51_2">#REF!</definedName>
    <definedName name="C_51_2_93">#REF!</definedName>
    <definedName name="C_51_3">#REF!</definedName>
    <definedName name="C_51_4">#REF!</definedName>
    <definedName name="C_51_5">#REF!</definedName>
    <definedName name="C_51_6">#REF!</definedName>
    <definedName name="Call_Format_ISD_All">#REF!</definedName>
    <definedName name="CAPTIVE_INS">#REF!</definedName>
    <definedName name="CASE_2_PG_1">#REF!</definedName>
    <definedName name="cf">[16]MRTBASIS!#REF!</definedName>
    <definedName name="charlesrecon">#REF!</definedName>
    <definedName name="CHECKREQUEST">#REF!</definedName>
    <definedName name="ClubDues">#REF!</definedName>
    <definedName name="Coal1">#REF!</definedName>
    <definedName name="Coal2">#REF!</definedName>
    <definedName name="Coal3">#REF!</definedName>
    <definedName name="COGS">#REF!</definedName>
    <definedName name="COMPANY">#REF!</definedName>
    <definedName name="CORP">#REF!</definedName>
    <definedName name="COST93">#REF!</definedName>
    <definedName name="covingtonrecon">#REF!</definedName>
    <definedName name="CR">'[8]NERC (2007-2010)'!$C$75</definedName>
    <definedName name="CRCAP2006">#REF!</definedName>
    <definedName name="CRCAP2007">#REF!</definedName>
    <definedName name="CRCAP2008">#REF!</definedName>
    <definedName name="CRCAP2009">#REF!</definedName>
    <definedName name="CRCAP2010">#REF!</definedName>
    <definedName name="_xlnm.Criteria">#REF!</definedName>
    <definedName name="CROM2006">#REF!</definedName>
    <definedName name="CROM2007">#REF!</definedName>
    <definedName name="CROM2008">#REF!</definedName>
    <definedName name="CROM2009">#REF!</definedName>
    <definedName name="CROM2010">#REF!</definedName>
    <definedName name="crookedrecon">#REF!</definedName>
    <definedName name="CUMMULATIVE">#REF!</definedName>
    <definedName name="CUMTD">#REF!</definedName>
    <definedName name="Current_Month">[17]Inputs!$C$2</definedName>
    <definedName name="Current_Year">[17]Inputs!$C$3</definedName>
    <definedName name="D">[18]Index!#REF!</definedName>
    <definedName name="data">#REF!</definedName>
    <definedName name="data1991">#REF!</definedName>
    <definedName name="data1992">#REF!</definedName>
    <definedName name="data1993">#REF!</definedName>
    <definedName name="_xlnm.Database">#REF!</definedName>
    <definedName name="DataTabl">#REF!</definedName>
    <definedName name="DataTable">#REF!</definedName>
    <definedName name="DBASE">#REF!</definedName>
    <definedName name="dbo_fnv_act_rtx">#REF!</definedName>
    <definedName name="DDD">#REF!</definedName>
    <definedName name="DDDD">#REF!</definedName>
    <definedName name="DDDDD">#REF!</definedName>
    <definedName name="Debt_Retrieve">#REF!</definedName>
    <definedName name="DefDirector">#REF!</definedName>
    <definedName name="DEFERRED_COMP">#REF!</definedName>
    <definedName name="DEFERRED_COMPENSATION">#REF!</definedName>
    <definedName name="DefGain">#REF!</definedName>
    <definedName name="DEFINC">#REF!</definedName>
    <definedName name="DefMICP">#REF!</definedName>
    <definedName name="Dep">#REF!</definedName>
    <definedName name="DEPR">#REF!</definedName>
    <definedName name="Derivation_of_Energy_Separation_Factors">#REF!</definedName>
    <definedName name="devel">#REF!</definedName>
    <definedName name="df" hidden="1">{#N/A,#N/A,FALSE,"Aging Summary";#N/A,#N/A,FALSE,"Ratio Analysis";#N/A,#N/A,FALSE,"Test 120 Day Accts";#N/A,#N/A,FALSE,"Tickmarks"}</definedName>
    <definedName name="DFD_TAX">#REF!</definedName>
    <definedName name="dhiirecon">#REF!</definedName>
    <definedName name="dick">#REF!</definedName>
    <definedName name="dinomountrecon">#REF!</definedName>
    <definedName name="Dividend">#REF!</definedName>
    <definedName name="DOCKET_NO">[19]A!$C$1</definedName>
    <definedName name="ds" hidden="1">{#N/A,#N/A,FALSE,"Aging Summary";#N/A,#N/A,FALSE,"Ratio Analysis";#N/A,#N/A,FALSE,"Test 120 Day Accts";#N/A,#N/A,FALSE,"Tickmarks"}</definedName>
    <definedName name="E">#REF!</definedName>
    <definedName name="E1_Page_1">'[20]JP-2'!$A$5:$K$65,'[20]JP-2'!$AA$5:$AK$65,'[20]JP-2'!$BA$5:$BK$65,'[20]JP-2'!$CA$5:$CK$65,'[20]JP-2'!$DA$5:$DK$65,'[20]JP-2'!$EA$5:$EK$65,'[20]JP-2'!$FA$5:$FK$65</definedName>
    <definedName name="E1_Page_2">'[21]SCH E1 (2)'!$A$1:$K$60,'[21]SCH E1 (2)'!$AA$1:$AK$60,'[21]SCH E1 (2)'!$BA$1:$BK$60,'[21]SCH E1 (2)'!$CA$1:$CK$60,'[21]SCH E1 (2)'!$DA$1:$DK$60,'[21]SCH E1 (2)'!$EA$1:$EK$60,'[21]SCH E1 (2)'!$FA$1:$FK$60</definedName>
    <definedName name="E4_Page_1_All">'[21]E4 Page 1'!$A$1:$W$66,'[21]E4 Page 1'!$AA$1:$AW$66,'[21]E4 Page 1'!$BA$1:$BW$66,'[21]E4 Page 1'!$CA$1:$CW$66,'[21]E4 Page 1'!$DA$1:$DW$66,'[21]E4 Page 1'!$EA$1:$EW$66,'[21]E4 Page 1'!$FA$1:$FW$66</definedName>
    <definedName name="E4_Page_1_Filing">'[21]E4 Page 1'!$A$1:$P$50,'[21]E4 Page 1'!$AA$1:$AP$50,'[21]E4 Page 1'!$BA$1:$BP$50,'[21]E4 Page 1'!$CA$1:$CP$50,'[21]E4 Page 1'!$DA$1:$DP$50,'[21]E4 Page 1'!$EA$1:$EP$50,'[21]E4 Page 1'!$FA$1:$FP$50</definedName>
    <definedName name="E4_Page_2_All">'[21]E4 Page 2'!$A$1:$W$66,'[21]E4 Page 2'!$AA$1:$AW$66,'[21]E4 Page 2'!$BA$1:$BW$66,'[21]E4 Page 2'!$CA$1:$CW$66,'[21]E4 Page 2'!$DA$1:$DW$66,'[21]E4 Page 2'!$EA$1:$EW$66,'[21]E4 Page 2'!$FA$1:$FW$66</definedName>
    <definedName name="E4_Page_2_Filing">'[21]E4 Page 2'!$A$1:$P$50,'[21]E4 Page 2'!$AA$1:$AP$50,'[21]E4 Page 2'!$BA$1:$BP$50,'[21]E4 Page 2'!$CA$1:$CP$50,'[21]E4 Page 2'!$DA$1:$DP$50,'[21]E4 Page 2'!$EA$1:$EP$50,'[21]E4 Page 2'!$FA$1:$FP$50</definedName>
    <definedName name="ECCRCurrentTax">#REF!</definedName>
    <definedName name="ECCRDeferredTax">#REF!</definedName>
    <definedName name="ECON_DEV">#REF!</definedName>
    <definedName name="ECRCCurrentTax">#REF!</definedName>
    <definedName name="ECRCDeferredTax">#REF!</definedName>
    <definedName name="EDC">#REF!</definedName>
    <definedName name="ENT">'[22]True-up Calculation'!#REF!</definedName>
    <definedName name="Entity">'[1]Schedule M-1'!$A$1</definedName>
    <definedName name="Equity_Retrieve">#REF!</definedName>
    <definedName name="er" hidden="1">{#N/A,#N/A,FALSE,"Aging Summary";#N/A,#N/A,FALSE,"Ratio Analysis";#N/A,#N/A,FALSE,"Test 120 Day Accts";#N/A,#N/A,FALSE,"Tickmarks"}</definedName>
    <definedName name="EssOptions">"A1110000000130000000001100000_0000"</definedName>
    <definedName name="ew" hidden="1">{#N/A,#N/A,FALSE,"Aging Summary";#N/A,#N/A,FALSE,"Ratio Analysis";#N/A,#N/A,FALSE,"Test 120 Day Accts";#N/A,#N/A,FALSE,"Tickmarks"}</definedName>
    <definedName name="EXCTRACT1">#REF!</definedName>
    <definedName name="Exrate00">#REF!</definedName>
    <definedName name="Exrate99">#REF!</definedName>
    <definedName name="_xlnm.Extract">'[2]NC Form 1 Page 328'!#REF!</definedName>
    <definedName name="FACTORS">#REF!</definedName>
    <definedName name="fd" hidden="1">{#N/A,#N/A,FALSE,"Aging Summary";#N/A,#N/A,FALSE,"Ratio Analysis";#N/A,#N/A,FALSE,"Test 120 Day Accts";#N/A,#N/A,FALSE,"Tickmarks"}</definedName>
    <definedName name="FEDERAL">#REF!</definedName>
    <definedName name="FGC">#REF!</definedName>
    <definedName name="FI_Tax_Entry_Year">'[1]M-1 Accrue NC Inc Tax Pay'!#REF!</definedName>
    <definedName name="fiddlersrecon">#REF!</definedName>
    <definedName name="FILENAME">'[23]Various Adjs'!#REF!</definedName>
    <definedName name="FL">'[8]NERC (2007-2010)'!$C$74</definedName>
    <definedName name="FLCAP2006">#REF!</definedName>
    <definedName name="FLCAP2007">#REF!</definedName>
    <definedName name="FLCAP2008">#REF!</definedName>
    <definedName name="FLCAP2009">#REF!</definedName>
    <definedName name="FLCAP2010">#REF!</definedName>
    <definedName name="FLOM2006">#REF!</definedName>
    <definedName name="FLOM2007">#REF!</definedName>
    <definedName name="FLOM2008">#REF!</definedName>
    <definedName name="FLOM2009">#REF!</definedName>
    <definedName name="FLOM2010">#REF!</definedName>
    <definedName name="Florida">#REF!</definedName>
    <definedName name="Florida_Power_Corporation">#REF!</definedName>
    <definedName name="FORM">#REF!</definedName>
    <definedName name="FORM_4626">'[24]FORM 4626'!#REF!</definedName>
    <definedName name="FORM42_1A">#REF!</definedName>
    <definedName name="FORM42_2A">#REF!</definedName>
    <definedName name="FORM42_3A">#REF!</definedName>
    <definedName name="FORM42_4A">#REF!</definedName>
    <definedName name="FORM42_6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ORM4626">#REF!</definedName>
    <definedName name="FPCCAP">'[5]AE Sum'!#REF!</definedName>
    <definedName name="frt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uelCurrentTax">#REF!</definedName>
    <definedName name="FuelDeferredTax">#REF!</definedName>
    <definedName name="G">[18]Index!#REF!</definedName>
    <definedName name="glenivyrecon">#REF!</definedName>
    <definedName name="H">#REF!</definedName>
    <definedName name="helenrecon">#REF!</definedName>
    <definedName name="holding1">#REF!</definedName>
    <definedName name="holding2">#REF!</definedName>
    <definedName name="holding3">#REF!</definedName>
    <definedName name="HOURS">'[25]E-10 (4-9) MW &amp; Alloc Yr1'!$D$3</definedName>
    <definedName name="Housing">#REF!</definedName>
    <definedName name="ID_sorted">#REF!</definedName>
    <definedName name="In.3">#REF!</definedName>
    <definedName name="INACTIVE">#REF!</definedName>
    <definedName name="INDEX">#REF!</definedName>
    <definedName name="INPUT">#REF!</definedName>
    <definedName name="INPUT_1">#REF!</definedName>
    <definedName name="INPUT_2">#REF!</definedName>
    <definedName name="INPUT2">'[5]AE Sum'!#REF!</definedName>
    <definedName name="INSUR">#REF!</definedName>
    <definedName name="Insurance1">#REF!</definedName>
    <definedName name="Insurance2">#REF!</definedName>
    <definedName name="INT_TAX_DEF">#REF!</definedName>
    <definedName name="INT_TAX_DEF2">#REF!</definedName>
    <definedName name="INTER_CO_PROFIT">#REF!</definedName>
    <definedName name="INTERCO">#REF!</definedName>
    <definedName name="Interest">#REF!</definedName>
    <definedName name="INVENTORY">#REF!</definedName>
    <definedName name="iu" hidden="1">{#N/A,#N/A,FALSE,"Aging Summary";#N/A,#N/A,FALSE,"Ratio Analysis";#N/A,#N/A,FALSE,"Test 120 Day Accts";#N/A,#N/A,FALSE,"Tickmarks"}</definedName>
    <definedName name="jack">#REF!</definedName>
    <definedName name="JE27Recon">#REF!</definedName>
    <definedName name="JURIS">#REF!</definedName>
    <definedName name="kkk" hidden="1">{#N/A,#N/A,FALSE,"Aging Summary";#N/A,#N/A,FALSE,"Ratio Analysis";#N/A,#N/A,FALSE,"Test 120 Day Accts";#N/A,#N/A,FALSE,"Tickmarks"}</definedName>
    <definedName name="LAG">'[22]True-up Calculation'!#REF!</definedName>
    <definedName name="left1">#REF!</definedName>
    <definedName name="left2">#REF!</definedName>
    <definedName name="Legal">#REF!</definedName>
    <definedName name="LIAB">#REF!</definedName>
    <definedName name="LIAISON">#REF!</definedName>
    <definedName name="LIFEDEP">#REF!</definedName>
    <definedName name="LIFEDEPHARRIS">#REF!</definedName>
    <definedName name="LINE01">#REF!</definedName>
    <definedName name="LINE02">#REF!</definedName>
    <definedName name="LINE04">#REF!</definedName>
    <definedName name="LINE05">#REF!</definedName>
    <definedName name="LINE06">#REF!</definedName>
    <definedName name="LINE07">#REF!</definedName>
    <definedName name="LINE08">#REF!</definedName>
    <definedName name="LINE09">#REF!</definedName>
    <definedName name="LINE1">#REF!</definedName>
    <definedName name="LINE10">#REF!</definedName>
    <definedName name="LINE12">#REF!</definedName>
    <definedName name="LINE13">#REF!</definedName>
    <definedName name="LINE14">#REF!</definedName>
    <definedName name="LINE15">#REF!</definedName>
    <definedName name="LINE16">#REF!</definedName>
    <definedName name="LINE17">#REF!</definedName>
    <definedName name="LINE18">#REF!</definedName>
    <definedName name="LINE19">#REF!</definedName>
    <definedName name="LINE2">#REF!</definedName>
    <definedName name="LINE20">#REF!</definedName>
    <definedName name="LINE21">#REF!</definedName>
    <definedName name="LINE22">#REF!</definedName>
    <definedName name="LINE23">#REF!</definedName>
    <definedName name="LINE24">#REF!</definedName>
    <definedName name="LINE25">#REF!</definedName>
    <definedName name="LINE26">#REF!</definedName>
    <definedName name="LINE4">'[26]PROFORMA 1120'!#REF!</definedName>
    <definedName name="LINE5">#REF!</definedName>
    <definedName name="LINE6">#REF!</definedName>
    <definedName name="Line7">#REF!</definedName>
    <definedName name="LINE8">#REF!</definedName>
    <definedName name="LINE9">#REF!</definedName>
    <definedName name="lk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OBBYING">#REF!</definedName>
    <definedName name="LOCALSALES">#REF!</definedName>
    <definedName name="LTIP">#REF!</definedName>
    <definedName name="LTIPpg1">#REF!</definedName>
    <definedName name="LTIPpg2">#REF!</definedName>
    <definedName name="LYN">'[13]02budg'!#REF!</definedName>
    <definedName name="M_1">#REF!</definedName>
    <definedName name="MAIN">#REF!</definedName>
    <definedName name="MAR_1">#REF!</definedName>
    <definedName name="MAR_3">[6]MONTH2!#REF!</definedName>
    <definedName name="Marine1">#REF!</definedName>
    <definedName name="Marine2">#REF!</definedName>
    <definedName name="Marine3">#REF!</definedName>
    <definedName name="MARY_T">#REF!</definedName>
    <definedName name="medicalrecon">#REF!</definedName>
    <definedName name="MICP">#REF!</definedName>
    <definedName name="MINEFEE">#REF!</definedName>
    <definedName name="MINROY">'[27]MISC SCHEDULES'!#REF!</definedName>
    <definedName name="Mis">#REF!</definedName>
    <definedName name="MMRate">'[28]Input Sheet'!$M$9</definedName>
    <definedName name="mn" hidden="1">{#N/A,#N/A,FALSE,"Aging Summary";#N/A,#N/A,FALSE,"Ratio Analysis";#N/A,#N/A,FALSE,"Test 120 Day Accts";#N/A,#N/A,FALSE,"Tickmarks"}</definedName>
    <definedName name="MONTH_1">#REF!</definedName>
    <definedName name="MONTH_2">#REF!</definedName>
    <definedName name="MONTH_3">#REF!</definedName>
    <definedName name="MONTH_4">#REF!</definedName>
    <definedName name="MONTH_5">#REF!</definedName>
    <definedName name="MONTH_6">#REF!</definedName>
    <definedName name="MOR_BS">#REF!</definedName>
    <definedName name="NFIP">#REF!</definedName>
    <definedName name="nonadvance">#REF!</definedName>
    <definedName name="NonBroker">#REF!</definedName>
    <definedName name="NonDedEnter">#REF!</definedName>
    <definedName name="NonDisrPension">#REF!</definedName>
    <definedName name="none" hidden="1">#REF!</definedName>
    <definedName name="NONFUELREC">'[14]Unbilled Calc'!#REF!</definedName>
    <definedName name="NovAccts">#REF!</definedName>
    <definedName name="Number_of_Payments">MATCH(0.01,End_Bal,-1)+1</definedName>
    <definedName name="NvsASD">"V1998-12-31"</definedName>
    <definedName name="NvsAutoDrillOk">"VN"</definedName>
    <definedName name="NvsElapsedTime">0.018534722221375</definedName>
    <definedName name="NvsEndTime">36293.6235076389</definedName>
    <definedName name="NvsInstanceHook">Format_ISD_All</definedName>
    <definedName name="NvsInstSpec">"%"</definedName>
    <definedName name="NvsLayoutType">"M3"</definedName>
    <definedName name="NvsNplSpec">"%,X,RZT.ACCOUNT.robyn,CZT.ACCOUNT.robyn"</definedName>
    <definedName name="NvsPanelEffdt">"V1996-01-01"</definedName>
    <definedName name="NvsPanelSetid">"VFON"</definedName>
    <definedName name="NvsParentRef">'[29]Income Statement Detail'!$AJ$240</definedName>
    <definedName name="NvsReqBU">"V05"</definedName>
    <definedName name="NvsReqBUOnly">"VN"</definedName>
    <definedName name="NvsSheetType">"M"</definedName>
    <definedName name="NvsTransLed">"VN"</definedName>
    <definedName name="NvsTreeASD">"V1998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ctAccts">#REF!</definedName>
    <definedName name="ofit_m_1">#REF!</definedName>
    <definedName name="ofit_request">#REF!</definedName>
    <definedName name="ofitrequest">#REF!</definedName>
    <definedName name="oiu" hidden="1">{#N/A,#N/A,FALSE,"Aging Summary";#N/A,#N/A,FALSE,"Ratio Analysis";#N/A,#N/A,FALSE,"Test 120 Day Accts";#N/A,#N/A,FALSE,"Tickmarks"}</definedName>
    <definedName name="oliverecon">#REF!</definedName>
    <definedName name="OMCont">[30]Variables!#REF!</definedName>
    <definedName name="op" hidden="1">{#N/A,#N/A,FALSE,"Aging Summary";#N/A,#N/A,FALSE,"Ratio Analysis";#N/A,#N/A,FALSE,"Test 120 Day Accts";#N/A,#N/A,FALSE,"Tickmarks"}</definedName>
    <definedName name="OVER">#REF!</definedName>
    <definedName name="p" hidden="1">{#N/A,#N/A,FALSE,"Aging Summary";#N/A,#N/A,FALSE,"Ratio Analysis";#N/A,#N/A,FALSE,"Test 120 Day Accts";#N/A,#N/A,FALSE,"Tickmarks"}</definedName>
    <definedName name="PAGE_1">#REF!</definedName>
    <definedName name="PAGE_2">#REF!</definedName>
    <definedName name="PAGE1">[16]MRTBASIS!#REF!</definedName>
    <definedName name="Page2">#REF!</definedName>
    <definedName name="page3">#REF!</definedName>
    <definedName name="page4">#REF!</definedName>
    <definedName name="page5">#REF!</definedName>
    <definedName name="PAGEABVAR">#REF!</definedName>
    <definedName name="PAGEAPYVAR">#REF!</definedName>
    <definedName name="PARTI">#REF!</definedName>
    <definedName name="PARTII">#REF!</definedName>
    <definedName name="PARTIII">#REF!</definedName>
    <definedName name="paul" hidden="1">#REF!</definedName>
    <definedName name="Payment_Date">DATE(YEAR(Loan_Start),MONTH(Loan_Start)+Payment_Number,DAY(Loan_Start))</definedName>
    <definedName name="PENSIONS_PSP">#REF!</definedName>
    <definedName name="pesc1" hidden="1">{#N/A,#N/A,FALSE,"Aging Summary";#N/A,#N/A,FALSE,"Ratio Analysis";#N/A,#N/A,FALSE,"Test 120 Day Accts";#N/A,#N/A,FALSE,"Tickmarks"}</definedName>
    <definedName name="PIIIVDC">#REF!</definedName>
    <definedName name="po" hidden="1">{#N/A,#N/A,FALSE,"Aging Summary";#N/A,#N/A,FALSE,"Ratio Analysis";#N/A,#N/A,FALSE,"Test 120 Day Accts";#N/A,#N/A,FALSE,"Tickmarks"}</definedName>
    <definedName name="PostRetire">#REF!</definedName>
    <definedName name="ppdroyal">#REF!</definedName>
    <definedName name="ppp" hidden="1">{#N/A,#N/A,FALSE,"Aging Summary";#N/A,#N/A,FALSE,"Ratio Analysis";#N/A,#N/A,FALSE,"Test 120 Day Accts";#N/A,#N/A,FALSE,"Tickmarks"}</definedName>
    <definedName name="PREFLL">#REF!</definedName>
    <definedName name="PREFPP">#REF!</definedName>
    <definedName name="PREPAYMENTS">#REF!</definedName>
    <definedName name="Print">[31]TotCorpFin!$D$1:$G$158</definedName>
    <definedName name="_xlnm.Print_Area">#REF!</definedName>
    <definedName name="Print_Area_MI">#REF!</definedName>
    <definedName name="Print_Area_Reset">OFFSET(Full_Print,0,0,Last_Row)</definedName>
    <definedName name="_xlnm.Print_Titles">#REF!</definedName>
    <definedName name="Print_Titles_MI">#REF!</definedName>
    <definedName name="PrintA6_PreDynegy">#REF!</definedName>
    <definedName name="Prior_Flow_Through">[32]Permanents!#REF!</definedName>
    <definedName name="PRIORMOACTUAL">'[14]Unbilled Calc'!#REF!</definedName>
    <definedName name="PRIORMOBUDGET">'[14]Unbilled Calc'!#REF!</definedName>
    <definedName name="PRIORYRACCURMO">'[14]Unbilled Calc'!#REF!</definedName>
    <definedName name="ProfSrvs">#REF!</definedName>
    <definedName name="PROPERTY_TAXES">#REF!</definedName>
    <definedName name="PURC_BASE">#REF!</definedName>
    <definedName name="PURC_INT">#REF!</definedName>
    <definedName name="PURC_PEAK">#REF!</definedName>
    <definedName name="qqq">#REF!</definedName>
    <definedName name="Quarter">#REF!</definedName>
    <definedName name="qw" hidden="1">{#N/A,#N/A,FALSE,"Aging Summary";#N/A,#N/A,FALSE,"Ratio Analysis";#N/A,#N/A,FALSE,"Test 120 Day Accts";#N/A,#N/A,FALSE,"Tickmarks"}</definedName>
    <definedName name="Rail1">#REF!</definedName>
    <definedName name="Rail2">#REF!</definedName>
    <definedName name="Rail3">#REF!</definedName>
    <definedName name="Range1">#NAME?</definedName>
    <definedName name="RANGE2">#N/A</definedName>
    <definedName name="Rate1">[30]Variables!#REF!</definedName>
    <definedName name="RBN">'[13]02budg'!#REF!</definedName>
    <definedName name="RECBOOK">#REF!</definedName>
    <definedName name="RECON">#REF!</definedName>
    <definedName name="Reconciliation">#REF!</definedName>
    <definedName name="Reg_Asset__YTD">#REF!</definedName>
    <definedName name="Reg_Asset_Amort">#REF!</definedName>
    <definedName name="Reg_Asset_CM">#REF!</definedName>
    <definedName name="Reg_Liab__YTD">#REF!</definedName>
    <definedName name="Reg_Liab_Amort">#REF!</definedName>
    <definedName name="Reg_Liab_CM">#REF!</definedName>
    <definedName name="REG_PRAC">#REF!</definedName>
    <definedName name="REGUALRFAC">#REF!</definedName>
    <definedName name="REGULAR">#REF!</definedName>
    <definedName name="RENT_HOLIDAY_OFFICE_LEASE">#REF!</definedName>
    <definedName name="request">#REF!</definedName>
    <definedName name="RESIDENTIAL">#REF!</definedName>
    <definedName name="ret" hidden="1">{#N/A,#N/A,FALSE,"Aging Summary";#N/A,#N/A,FALSE,"Ratio Analysis";#N/A,#N/A,FALSE,"Test 120 Day Accts";#N/A,#N/A,FALSE,"Tickmarks"}</definedName>
    <definedName name="RetailVariance">#REF!</definedName>
    <definedName name="RETPVVAR">'[14]Unbilled Calc'!#REF!</definedName>
    <definedName name="RETURN">#REF!</definedName>
    <definedName name="REVIEW">'[5]AE Sum'!#REF!</definedName>
    <definedName name="REVIEW2">'[5]AE Sum'!#REF!</definedName>
    <definedName name="RID">'[13]02budg'!#REF!</definedName>
    <definedName name="rngAcctNames">#REF!</definedName>
    <definedName name="rngCWIPBalData">#REF!</definedName>
    <definedName name="rngCWIPBalEntities">#REF!</definedName>
    <definedName name="rngData">#REF!</definedName>
    <definedName name="rngDates">#REF!</definedName>
    <definedName name="rngDocket">#REF!</definedName>
    <definedName name="rngProjNames">#REF!</definedName>
    <definedName name="rngRateTypeList">#REF!</definedName>
    <definedName name="rngScaleFctr">#REF!</definedName>
    <definedName name="rngWitness">#REF!</definedName>
    <definedName name="rt" hidden="1">{#N/A,#N/A,FALSE,"Aging Summary";#N/A,#N/A,FALSE,"Ratio Analysis";#N/A,#N/A,FALSE,"Test 120 Day Accts";#N/A,#N/A,FALSE,"Tickmarks"}</definedName>
    <definedName name="RTT">'[13]02budg'!#REF!</definedName>
    <definedName name="s__cat_temp">#REF!</definedName>
    <definedName name="S1Qtr1">#REF!</definedName>
    <definedName name="S1Qtr2">#REF!</definedName>
    <definedName name="S1Qtr3">#REF!</definedName>
    <definedName name="S1Qtr4">#REF!</definedName>
    <definedName name="sa" hidden="1">{#N/A,#N/A,FALSE,"Aging Summary";#N/A,#N/A,FALSE,"Ratio Analysis";#N/A,#N/A,FALSE,"Test 120 Day Accts";#N/A,#N/A,FALSE,"Tickmarks"}</definedName>
    <definedName name="sanddunerecon">#REF!</definedName>
    <definedName name="SCENARIO">'[11]Set Up - Cs'!$B$10</definedName>
    <definedName name="SCHA">#REF!</definedName>
    <definedName name="scott">#REF!</definedName>
    <definedName name="SCR_Feb02_Transactions">#REF!</definedName>
    <definedName name="SCRCCurrentTax">#REF!</definedName>
    <definedName name="SCRCDeferredTax">#REF!</definedName>
    <definedName name="SEBRING">#REF!</definedName>
    <definedName name="Sect162m">#REF!</definedName>
    <definedName name="SECTION_1341">#REF!</definedName>
    <definedName name="SELF_INS">#REF!</definedName>
    <definedName name="SEP_1">#REF!</definedName>
    <definedName name="SEP_3">[6]MONTH2!#REF!</definedName>
    <definedName name="SEP_A">[33]Seperators!#REF!</definedName>
    <definedName name="SEP_B">[33]Seperators!#REF!</definedName>
    <definedName name="SEP_C">[33]Seperators!#REF!</definedName>
    <definedName name="SEP_D">[33]Seperators!#REF!</definedName>
    <definedName name="SEP_FACTOR">#REF!</definedName>
    <definedName name="SEPDEM">#REF!</definedName>
    <definedName name="Sept">#REF!</definedName>
    <definedName name="SERP">#REF!</definedName>
    <definedName name="SERPNormal">#REF!</definedName>
    <definedName name="ShadeISDAll">#REF!,#REF!,#REF!,#REF!,#REF!,#REF!,#REF!,#REF!,#REF!</definedName>
    <definedName name="ShortTermRate">'[28]Input Sheet'!$M$5</definedName>
    <definedName name="sit_m_1">#REF!</definedName>
    <definedName name="sit_request">#REF!</definedName>
    <definedName name="split">#REF!</definedName>
    <definedName name="Spouse">#REF!</definedName>
    <definedName name="STATE">'[3]EFC FL'!#REF!</definedName>
    <definedName name="state_request">#REF!</definedName>
    <definedName name="STOCKHOLDERS_EQUITY">#REF!</definedName>
    <definedName name="stratfordrecon">#REF!</definedName>
    <definedName name="STRATIFIED_FUEL_CHARGE_CALCULATION">#REF!</definedName>
    <definedName name="STS">#REF!</definedName>
    <definedName name="SUM">#REF!</definedName>
    <definedName name="SUMMARY">#REF!</definedName>
    <definedName name="SUMRY_BY_TIME">#REF!</definedName>
    <definedName name="SUMRY_BY_YEAR">#REF!</definedName>
    <definedName name="SURVRPT">#REF!</definedName>
    <definedName name="T">[18]Index!#REF!</definedName>
    <definedName name="Tax_Year">'[1]M-1 Accrue NC Inc Tax Pay'!$A$2</definedName>
    <definedName name="taxable_plant">INDEX(bs_netplant,1,period_summary_col)</definedName>
    <definedName name="TAXDEP">#REF!</definedName>
    <definedName name="TAXINC">#REF!</definedName>
    <definedName name="TaxRate">'[28]Input Sheet'!$M$4</definedName>
    <definedName name="TAXSALV">#REF!</definedName>
    <definedName name="TDS">#REF!</definedName>
    <definedName name="TITLES">#REF!</definedName>
    <definedName name="TITLES2">#REF!</definedName>
    <definedName name="TOP">#REF!</definedName>
    <definedName name="topp">#REF!</definedName>
    <definedName name="Total_Emissions">#REF!</definedName>
    <definedName name="Total_Lease_Interest">#REF!</definedName>
    <definedName name="Total_Lease_Payments">#REF!</definedName>
    <definedName name="Total_Lease_Principal">#REF!</definedName>
    <definedName name="Total_Payment">Scheduled_Payment+Extra_Payment</definedName>
    <definedName name="TOTAL_YEAR">'[11]Set Up - Cs'!$N$8</definedName>
    <definedName name="Total1">#REF!</definedName>
    <definedName name="total2">#REF!</definedName>
    <definedName name="total3">#REF!</definedName>
    <definedName name="TP.1">#REF!</definedName>
    <definedName name="TP_Footer_User" hidden="1">"combsk"</definedName>
    <definedName name="TP_Footer_Version" hidden="1">"v4.00"</definedName>
    <definedName name="tre" hidden="1">{#N/A,#N/A,FALSE,"Aging Summary";#N/A,#N/A,FALSE,"Ratio Analysis";#N/A,#N/A,FALSE,"Test 120 Day Accts";#N/A,#N/A,FALSE,"Tickmarks"}</definedName>
    <definedName name="twelvemonths">'[13]02budg'!#REF!</definedName>
    <definedName name="TWELVEMOS.A.AND.G.MAINT">'[13]02budg'!#REF!</definedName>
    <definedName name="TWELVEMOS.A.AND.G.OPER">'[13]02budg'!#REF!</definedName>
    <definedName name="TWELVEMOS.AFUDC">'[13]02budg'!#REF!</definedName>
    <definedName name="TWELVEMOS.AMORTIZATION">'[13]02budg'!#REF!</definedName>
    <definedName name="TWELVEMOS.CUSTOMER.EXP">'[13]02budg'!#REF!</definedName>
    <definedName name="TWELVEMOS.DEF.FUEL">'[13]02budg'!#REF!</definedName>
    <definedName name="TWELVEMOS.DEPR.AND.AMORT">'[13]02budg'!#REF!</definedName>
    <definedName name="TWELVEMOS.DEPRECIATION">'[13]02budg'!#REF!</definedName>
    <definedName name="TWELVEMOS.DISTRIBUTION.MAINT">'[13]02budg'!#REF!</definedName>
    <definedName name="TWELVEMOS.DISTRIBUTION.OPER">'[13]02budg'!#REF!</definedName>
    <definedName name="TWELVEMOS.DIVIDENDS">'[13]02budg'!#REF!</definedName>
    <definedName name="TWELVEMOS.ECCR">'[13]02budg'!#REF!</definedName>
    <definedName name="TWELVEMOS.FUEL.AND.PURPOWER">'[13]02budg'!#REF!</definedName>
    <definedName name="TWELVEMOS.FUEL.HANDLING">'[13]02budg'!#REF!</definedName>
    <definedName name="TWELVEMOS.INTEREST.CHARGES">'[13]02budg'!#REF!</definedName>
    <definedName name="TWELVEMOS.INTEREST.LONGTERM.DEBT">'[13]02budg'!#REF!</definedName>
    <definedName name="TWELVEMOS.NONOPER.TAXES">'[13]02budg'!#REF!</definedName>
    <definedName name="TWELVEMOS.NUCLEAR.GENERATION.MAINT">'[13]02budg'!#REF!</definedName>
    <definedName name="TWELVEMOS.NUCLEAR.GENERATION.OPER">'[13]02budg'!#REF!</definedName>
    <definedName name="TWELVEMOS.OPER.REVENUES">'[13]02budg'!#REF!</definedName>
    <definedName name="TWELVEMOS.OPER.TAXES">'[13]02budg'!#REF!</definedName>
    <definedName name="TWELVEMOS.OPER_AND_MAINT.EXPS">'[13]02budg'!#REF!</definedName>
    <definedName name="TWELVEMOS.OTH.INC_AND_DEDUCTIONS">'[13]02budg'!#REF!</definedName>
    <definedName name="TWELVEMOS.OTH.POWER.GEN.MAINT">'[13]02budg'!#REF!</definedName>
    <definedName name="TWELVEMOS.OTH.POWER.GEN.OPER">'[13]02budg'!#REF!</definedName>
    <definedName name="TWELVEMOS.OTH.POWER.SUPPLY.OPER">'[13]02budg'!#REF!</definedName>
    <definedName name="TWELVEMOS.OTH.TAXES.NONOPER">'[13]02budg'!#REF!</definedName>
    <definedName name="TWELVEMOS.OTH.TAXES.OPER">'[13]02budg'!#REF!</definedName>
    <definedName name="TWELVEMOS.PURPOWER.NONREC">'[13]02budg'!#REF!</definedName>
    <definedName name="TWELVEMOS.STEAM.GENERATION.MAINT">'[13]02budg'!#REF!</definedName>
    <definedName name="TWELVEMOS.STEAM.GENERATION.OPER">'[13]02budg'!#REF!</definedName>
    <definedName name="TWELVEMOS.TOTAL.PROD.EXPS">'[13]02budg'!#REF!</definedName>
    <definedName name="TWELVEMOS.TRANSMISSION.MAINT">'[13]02budg'!#REF!</definedName>
    <definedName name="TWELVEMOS.TRANSMISSION.OPER">'[13]02budg'!#REF!</definedName>
    <definedName name="ty" hidden="1">{#N/A,#N/A,FALSE,"Aging Summary";#N/A,#N/A,FALSE,"Ratio Analysis";#N/A,#N/A,FALSE,"Test 120 Day Accts";#N/A,#N/A,FALSE,"Tickmarks"}</definedName>
    <definedName name="unicap">#REF!</definedName>
    <definedName name="usage">#REF!</definedName>
    <definedName name="UserPass" hidden="1">"verify"</definedName>
    <definedName name="Values_Entered">IF(Loan_Amount*Interest_Rate*Loan_Years*Loan_Start&gt;0,1,0)</definedName>
    <definedName name="VARIANCE">'[34]VARIANCE-ORIG PROJ'!$A$1:$K$55,'[34]VARIANCE-ORIG PROJ'!$A$60:$K$92</definedName>
    <definedName name="VARIANCE2">'[34]VARIANCE-ORIG PROJ'!$A$107:$AA$168,'[34]VARIANCE-ORIG PROJ'!$A$175:$AA$237</definedName>
    <definedName name="VARIANCESUMMARY">'[14]Unbilled Calc'!#REF!</definedName>
    <definedName name="VCont">[30]Variables!#REF!</definedName>
    <definedName name="ventanarecon">#REF!</definedName>
    <definedName name="versionnumber">"2.00"</definedName>
    <definedName name="VOUCHER">#REF!</definedName>
    <definedName name="WH_DEPOSITS">#REF!</definedName>
    <definedName name="WHLPVVAR">'[14]Unbilled Calc'!#REF!</definedName>
    <definedName name="WholesaleVariance">#REF!</definedName>
    <definedName name="WORKERS_COMP">#REF!</definedName>
    <definedName name="workerscomp">#REF!</definedName>
    <definedName name="WORKSHEET_1">#REF!</definedName>
    <definedName name="WORKSHEET_2">#REF!</definedName>
    <definedName name="WORKSHEET_3">#REF!</definedName>
    <definedName name="wrn.Aging._.and._.Trend._.Analysis." hidden="1">{#N/A,#N/A,FALSE,"Aging Summary";#N/A,#N/A,FALSE,"Ratio Analysis";#N/A,#N/A,FALSE,"Test 120 Day Accts";#N/A,#N/A,FALSE,"Tickmarks"}</definedName>
    <definedName name="wrn.All_Sheets." hidden="1">{#N/A,#N/A,FALSE,"CONT_MWH";#N/A,#N/A,FALSE,"CONT_MW";#N/A,#N/A,FALSE,"MIN_MWH";#N/A,#N/A,FALSE,"MIN_MW";#N/A,#N/A,FALSE,"BASECASE_MWH";#N/A,#N/A,FALSE,"BASECASE_MW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nfig._.and._.Calcs." hidden="1">{#N/A,#N/A,FALSE,"Configuration";#N/A,#N/A,FALSE,"Summary of Transaction";#N/A,#N/A,FALSE,"Calculations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TESTS." hidden="1">{"PAGE_1",#N/A,FALSE,"MONTH"}</definedName>
    <definedName name="wtyu" hidden="1">{#N/A,#N/A,FALSE,"Aging Summary";#N/A,#N/A,FALSE,"Ratio Analysis";#N/A,#N/A,FALSE,"Test 120 Day Accts";#N/A,#N/A,FALSE,"Tickmarks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xx">#REF!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Y">#REF!</definedName>
    <definedName name="YE_DB">#REF!</definedName>
    <definedName name="YEAR">'[13]02budg'!#REF!</definedName>
    <definedName name="YEAR_2008">'[11]Set Up - Cs'!$B$4</definedName>
    <definedName name="YEAR_2009">'[11]Set Up - Cs'!$B$5</definedName>
    <definedName name="YEAR_2010">'[11]Set Up - Cs'!$B$6</definedName>
    <definedName name="Year_end">'[10]Common franch tax '!$A$5</definedName>
    <definedName name="Year0">'[28]Input Sheet'!$M$8</definedName>
    <definedName name="yeartodate">'[13]02budg'!#REF!</definedName>
    <definedName name="yr00">'[5]AE Sum'!#REF!</definedName>
    <definedName name="yt" hidden="1">{#N/A,#N/A,FALSE,"Aging Summary";#N/A,#N/A,FALSE,"Ratio Analysis";#N/A,#N/A,FALSE,"Test 120 Day Accts";#N/A,#N/A,FALSE,"Tickmarks"}</definedName>
    <definedName name="YTD.A.AND.G.MAINT">'[13]02budg'!#REF!</definedName>
    <definedName name="YTD.A.AND.G.OPER">'[13]02budg'!#REF!</definedName>
    <definedName name="YTD.AFUDC">'[13]02budg'!#REF!</definedName>
    <definedName name="YTD.AMORTIZATION">'[13]02budg'!#REF!</definedName>
    <definedName name="YTD.CUSTOMER.EXP">'[13]02budg'!#REF!</definedName>
    <definedName name="YTD.DEF.FUEL">'[13]02budg'!#REF!</definedName>
    <definedName name="YTD.DEPR.AND.AMORT">'[13]02budg'!#REF!</definedName>
    <definedName name="YTD.DEPRECIATION">'[13]02budg'!#REF!</definedName>
    <definedName name="YTD.DISTRIBUTION.MAINT">'[13]02budg'!#REF!</definedName>
    <definedName name="YTD.DISTRIBUTION.OPER">'[13]02budg'!#REF!</definedName>
    <definedName name="YTD.DIVIDENDS">'[13]02budg'!#REF!</definedName>
    <definedName name="YTD.ECCR">'[13]02budg'!#REF!</definedName>
    <definedName name="YTD.FUEL.AND.PURPOWER">'[13]02budg'!#REF!</definedName>
    <definedName name="YTD.FUEL.HANDLING">'[13]02budg'!#REF!</definedName>
    <definedName name="YTD.INTEREST.CHARGES">'[13]02budg'!#REF!</definedName>
    <definedName name="YTD.INTEREST.LONGTERM.DEBT">'[13]02budg'!#REF!</definedName>
    <definedName name="YTD.NONOPER.TAXES">'[13]02budg'!#REF!</definedName>
    <definedName name="YTD.NUCLEAR.GENERATION.MAINT">'[13]02budg'!#REF!</definedName>
    <definedName name="YTD.NUCLEAR.GENERATION.OPER">'[13]02budg'!#REF!</definedName>
    <definedName name="YTD.OPER.REVENUES">'[13]02budg'!#REF!</definedName>
    <definedName name="YTD.OPER.TAXES">'[13]02budg'!#REF!</definedName>
    <definedName name="YTD.OPER_AND_MAINT.EXPS">'[13]02budg'!#REF!</definedName>
    <definedName name="YTD.OPER_AND_MAINT_EXPS">'[13]02budg'!#REF!</definedName>
    <definedName name="YTD.OTH.INC_AND_DEDUCTIONS">'[13]02budg'!#REF!</definedName>
    <definedName name="YTD.OTH.POWER.GEN.MAINT">'[13]02budg'!#REF!</definedName>
    <definedName name="YTD.OTH.POWER.GEN.OPER">'[13]02budg'!#REF!</definedName>
    <definedName name="YTD.OTH.POWER.SUPPLY.OPER">'[13]02budg'!#REF!</definedName>
    <definedName name="YTD.OTH.TAXES.NONOPER">'[13]02budg'!#REF!</definedName>
    <definedName name="YTD.OTH.TAXES.OPER">'[13]02budg'!#REF!</definedName>
    <definedName name="YTD.PURPOWER.NONREC">'[13]02budg'!#REF!</definedName>
    <definedName name="YTD.STEAM.GENERATION.MAINT">'[13]02budg'!#REF!</definedName>
    <definedName name="YTD.STEAM.GENERATION.OPER">'[13]02budg'!#REF!</definedName>
    <definedName name="YTD.TOTAL.PROD.EXPS">'[13]02budg'!#REF!</definedName>
    <definedName name="YTD.TOTAL.PRODUCTION.EXP">'[13]02budg'!#REF!</definedName>
    <definedName name="YTD.TRANSMISSION.MAINT">'[13]02budg'!#REF!</definedName>
    <definedName name="YTD.TRANSMISSION.OPER">'[13]02budg'!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33" l="1"/>
  <c r="D9" i="33" s="1"/>
  <c r="E6" i="33"/>
  <c r="E9" i="33" s="1"/>
  <c r="C6" i="33" l="1"/>
  <c r="C9" i="33" s="1"/>
</calcChain>
</file>

<file path=xl/sharedStrings.xml><?xml version="1.0" encoding="utf-8"?>
<sst xmlns="http://schemas.openxmlformats.org/spreadsheetml/2006/main" count="7" uniqueCount="7">
  <si>
    <t>Parent-Debt Adjustment Forecast 2025-2027</t>
  </si>
  <si>
    <t>DEF Common Equity (Total Equity less Retained Earnings)*</t>
  </si>
  <si>
    <t>Weighted Cost of Parent Debt (from MFR C-24)</t>
  </si>
  <si>
    <t>Total Parent Debt Adjustment</t>
  </si>
  <si>
    <t>Jurisdictional Factor (from MFR D-1a)</t>
  </si>
  <si>
    <t>Jurisdictional Parent Debt Adjustment</t>
  </si>
  <si>
    <t>*Note that DEF's Equity balance (less retained earnings) as of 12/31/23 is being assumed for purposes of this analys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%"/>
    <numFmt numFmtId="165" formatCode="0.00000"/>
    <numFmt numFmtId="166" formatCode="_(&quot;$&quot;* #,##0_);_(&quot;$&quot;* \(#,##0\);_(&quot;$&quot;* &quot;-&quot;??_);_(@_)"/>
  </numFmts>
  <fonts count="10" x14ac:knownFonts="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color rgb="FF000000"/>
      <name val="Times New Roman"/>
      <family val="1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  <font>
      <i/>
      <sz val="11"/>
      <color rgb="FF00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4">
    <xf numFmtId="0" fontId="0" fillId="0" borderId="0"/>
    <xf numFmtId="0" fontId="4" fillId="0" borderId="0"/>
    <xf numFmtId="0" fontId="5" fillId="0" borderId="0"/>
    <xf numFmtId="0" fontId="4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" fillId="0" borderId="0"/>
    <xf numFmtId="43" fontId="5" fillId="0" borderId="0" applyFont="0" applyFill="0" applyBorder="0" applyAlignment="0" applyProtection="0"/>
    <xf numFmtId="0" fontId="5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4" fontId="6" fillId="0" borderId="0" applyFont="0" applyFill="0" applyBorder="0" applyAlignment="0" applyProtection="0"/>
  </cellStyleXfs>
  <cellXfs count="9">
    <xf numFmtId="0" fontId="0" fillId="0" borderId="0" xfId="0"/>
    <xf numFmtId="0" fontId="7" fillId="0" borderId="0" xfId="0" applyFont="1"/>
    <xf numFmtId="0" fontId="8" fillId="0" borderId="0" xfId="0" applyFont="1"/>
    <xf numFmtId="165" fontId="8" fillId="0" borderId="0" xfId="0" applyNumberFormat="1" applyFont="1"/>
    <xf numFmtId="0" fontId="7" fillId="0" borderId="0" xfId="0" applyFont="1" applyAlignment="1">
      <alignment horizontal="center"/>
    </xf>
    <xf numFmtId="0" fontId="9" fillId="0" borderId="0" xfId="0" applyFont="1"/>
    <xf numFmtId="164" fontId="8" fillId="0" borderId="0" xfId="0" applyNumberFormat="1" applyFont="1"/>
    <xf numFmtId="166" fontId="8" fillId="0" borderId="0" xfId="23" applyNumberFormat="1" applyFont="1"/>
    <xf numFmtId="166" fontId="7" fillId="0" borderId="0" xfId="23" applyNumberFormat="1" applyFont="1"/>
  </cellXfs>
  <cellStyles count="24">
    <cellStyle name="Comma 2" xfId="8" xr:uid="{2419A0BF-5A02-4170-B0FA-F6A509992A55}"/>
    <cellStyle name="Comma 2 2" xfId="17" xr:uid="{5D6286A0-52B5-4AFE-B10D-1B658D67A7A9}"/>
    <cellStyle name="Comma 2 3" xfId="15" xr:uid="{82356A6C-4326-41C5-B9F8-3882BBB66FFB}"/>
    <cellStyle name="Comma 3" xfId="21" xr:uid="{ACC9DB7A-B94F-4363-9189-40DEF9F6DC61}"/>
    <cellStyle name="Comma 4" xfId="11" xr:uid="{1DCCE5F4-2C90-49D6-B38C-9C26C1728E68}"/>
    <cellStyle name="Currency" xfId="23" builtinId="4"/>
    <cellStyle name="Currency 2" xfId="18" xr:uid="{D903BCE9-D0A4-437F-8045-5D347DF309BD}"/>
    <cellStyle name="Normal" xfId="0" builtinId="0"/>
    <cellStyle name="Normal 2" xfId="1" xr:uid="{4469F21E-5F1E-41D8-9769-FC49C643CE68}"/>
    <cellStyle name="Normal 2 2" xfId="3" xr:uid="{C907A038-1349-4318-8F8E-F1750E17105F}"/>
    <cellStyle name="Normal 2 2 2" xfId="5" xr:uid="{A9B8E09C-7CE8-478E-98F6-555D9F378E17}"/>
    <cellStyle name="Normal 2 2 3" xfId="16" xr:uid="{2E70DCEB-B990-4432-806D-3FD17FF277F9}"/>
    <cellStyle name="Normal 2 3" xfId="4" xr:uid="{EF9F1833-B231-477C-AC09-FA945D077307}"/>
    <cellStyle name="Normal 2 4" xfId="10" xr:uid="{C4359536-91F0-49AC-9B87-65B4DC075358}"/>
    <cellStyle name="Normal 3" xfId="7" xr:uid="{6A650926-DBDF-43EC-BB2D-EB33D4CCC4B7}"/>
    <cellStyle name="Normal 3 2" xfId="12" xr:uid="{D0D8E43E-1FAD-4790-A48A-241F10413D24}"/>
    <cellStyle name="Normal 4" xfId="13" xr:uid="{104E3358-F664-4E8E-8CFC-064751FFCF9D}"/>
    <cellStyle name="Normal 5" xfId="2" xr:uid="{2871636A-BC3F-4E0D-809C-694E494D61DC}"/>
    <cellStyle name="Normal 5 2" xfId="20" xr:uid="{7C3877DC-0CE3-47A7-AF4F-78F90F1C1F86}"/>
    <cellStyle name="Percent 2" xfId="6" xr:uid="{3B1D0CA1-F741-4527-808C-E6C1C5DDE3F6}"/>
    <cellStyle name="Percent 2 2" xfId="14" xr:uid="{5457F0F1-0370-48A1-AEA4-D826D706C315}"/>
    <cellStyle name="Percent 3" xfId="9" xr:uid="{30668537-E02E-4846-B42E-914030564AAA}"/>
    <cellStyle name="Percent 3 2" xfId="22" xr:uid="{DDCA80AA-B948-4584-92A7-778C4E4616BD}"/>
    <cellStyle name="Percent 4" xfId="19" xr:uid="{2C8A84D9-2949-413F-8114-4B20274BCD1D}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calcChain" Target="calcChain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customXml" Target="../customXml/item3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styles" Target="styles.xml"/><Relationship Id="rId40" Type="http://schemas.openxmlformats.org/officeDocument/2006/relationships/customXml" Target="../customXml/item1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DOCS\I67926\1MCX01_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DOCS\I67926\1ZQV01_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ate%20Cases\2021%20Rate%20Case\MFR's\2019%20Drafts%20C1,2,3,4,6,8,9,12,20,21,33,36,37,38,40.xlsm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microsoft.com/office/2006/relationships/xlExternalLinkPath/xlStartup" Target="FEDERAL/1995EST/QTR395/MASTER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1%20Rate%20Case\2002Surveillance\02regbase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84779\Desktop\Critical%20Spreadsheet%20Example%201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c201\data\complian\federal\energy\96return\memco\mem96wp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complian\federal\energy\98return\mrt\mrt98wp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Rate%20Case%20and%20Legal%20Support\DE%20Florida\Parent%20Debt%20Adjustment\2020%20Parent%20Debt%20Adjustment%20PNG%20elim%20adjustment.xlsm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eam.duke-energy.com/Regulatory%20Planning/Florida/2009%20Rate%20Case/Surveillance/ManualEntries%2012-2008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992%20Rate%20Case\C-53-56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Carolina%20Power%20&amp;%20Light%20Co\2002\Compliance\State\Return%20Workpapers\CP&amp;L%202002%20Apportionment%20Data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ulatory%20Planning\Florida\CR3%20Uprate\Dockets\090009\2009%20Base%20Rate%20Increase\Base%20Rate%20Request%20Workpapers\JJP%20Hines%20Exhibit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\Hines%204\2007%20E-Schedules%20Oct%20FOF%20(refiled%20102706%20corrected%20103106)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Progress%20Energy%20Service%20Co,%20LLC\2002\Income%20Tax%20Accounting\2002%20True%20Up\Prop%20ADIT%20Recon%20&amp;%202002%20PESC%20True%20Up%20Workpapers-revised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Surveillance\2014%20Surveillance\0114%20Surveillance\Manual%20Entries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c201\data\complian\federal\energy\96return\krt\krt96wp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Florida\FORECAST%20-%205%20YEAR\2018\E-Schedules%202018%20Fall%20Forecast\2019-2023%20E%20Schedules%20(Fall%202018%20load)%2002-01-19%20backup%20(do%20not%20delete)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168\complian\federal\energy\98return\dmmc\dmm98wp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plian\federal\progress\00return\KentucMayMine\kmmc00wp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\TEMP\Scenario%20Analysis%20BOD%20September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s704\nvision\mor1200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_PKD\2000inttax\5-24cr170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44292\Local%20Settings\Temporary%20Internet%20Files\OLK3F4\NERC%20Compliance%20Project%20Budget%208-2%20(081506)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46156\Local%20Settings\Temporary%20Internet%20Files\OLK1E\2000Plan\Projects\Feb%20Actuals\February%2000%20CFG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/complian/federal/fpc/acct/2000/00_accrl/je/dec00tax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7\Feb\facstrat%200207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66109\Local%20Settings\Temporary%20Internet%20Files\Content.Outlook\NNQOOA68\Monthly%20Fuel%2012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rv%20(actual)\2002surv\1202surv\OCT01RDR.WK3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5723\Local%20Settings\Temporary%20Internet%20Files\OLK6D\Reg%20Ops%20Input%20Template%20June%20V5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6\Dec\sch6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ACD\I58047\25CQ01_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\Dockets\070001-EI\Projection%20Filings%20July%2007%20-%20Dec%2008\Incremental%20Security%202004-2008%20Kathy%20Smeltzer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6\Dec\sch9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edule M-1"/>
      <sheetName val="Return Provision"/>
      <sheetName val="Sch M - Federal Taxes"/>
      <sheetName val="Sch M - Allow D'ful"/>
      <sheetName val="Sch M - Charit Contr"/>
      <sheetName val="Sch M - Key Person"/>
      <sheetName val="Sch M - Penalties"/>
      <sheetName val="Sch M - Obsol Inv"/>
      <sheetName val="Sch M - Club dues"/>
      <sheetName val="Sch M - Meals_ent"/>
      <sheetName val="Sch M - Leases"/>
      <sheetName val="1999 Lease Schedule"/>
      <sheetName val="Lease Inclusion Calculation"/>
      <sheetName val="Sch M  - Depr."/>
      <sheetName val="AMT &amp; ACE  Depr"/>
      <sheetName val="Section 481 Adjustment"/>
      <sheetName val="Section 481 Adjustment Calc"/>
      <sheetName val="Sch M  - Gain Loss on assets"/>
      <sheetName val="4797 Part 1"/>
      <sheetName val="4797 Part 2"/>
      <sheetName val="Sch M - Warranty Reserve"/>
      <sheetName val="Sch M - Software"/>
      <sheetName val="Sch M - Flowers &amp; Gifts"/>
      <sheetName val="M-1 Accrue NC Inc Tax Pay"/>
      <sheetName val="M-1 Comp 98 99"/>
      <sheetName val="Sch M - Inventory Adjustment"/>
      <sheetName val="Schedule E"/>
      <sheetName val="Schedule M-2"/>
      <sheetName val="Elections_Stmts."/>
      <sheetName val="M - 2 Statement"/>
      <sheetName val="(Bob Normand) Summary"/>
      <sheetName val="(Bob Normand) Depn expense"/>
      <sheetName val="(B.Normand)Amort. of BBT leases"/>
      <sheetName val="DCS-VA Apportionment"/>
      <sheetName val="DCS-VA Statement 1"/>
      <sheetName val="DCS-VA Attachments"/>
      <sheetName val="DCS NC-Credit Carryforwards"/>
      <sheetName val="DCS NC - Audit Statement 1"/>
      <sheetName val="DCS NC - Documents"/>
      <sheetName val="DCS-NC Apportionment"/>
      <sheetName val="Spectrum NC - Tax Calculations"/>
      <sheetName val="Spectrum NC-Credit Carryforward"/>
      <sheetName val="Spectrum Documents"/>
      <sheetName val="Spectrum NC-Statements 1, 2 &amp; 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mmon franch tax "/>
      <sheetName val="State tracking"/>
      <sheetName val="ACT-property"/>
      <sheetName val="AL franch tax calc"/>
      <sheetName val="AL Franch Attachments"/>
      <sheetName val="AL inc sch1"/>
      <sheetName val="AL inc sch2"/>
      <sheetName val="AL Attachments"/>
      <sheetName val="AZ Statement 1"/>
      <sheetName val="AZ Attachments"/>
      <sheetName val="CO Attachments"/>
      <sheetName val="FL Attachments"/>
      <sheetName val="FL NOL"/>
      <sheetName val="GA Interest"/>
      <sheetName val="GA Attachments (Init NW)"/>
      <sheetName val="GA Attachments"/>
      <sheetName val="IN NOLs"/>
      <sheetName val="IN Attachments"/>
      <sheetName val="Mass Statements"/>
      <sheetName val="Mass Attachments"/>
      <sheetName val="MD Attachments"/>
      <sheetName val="MD Sched 1 - Other Tang. Assets"/>
      <sheetName val="NC - Tax Calculations"/>
      <sheetName val="NC - Tax Credit Carryforwards"/>
      <sheetName val="NC - Tax Credit Carryforward"/>
      <sheetName val="NC - Audit, Statement 1"/>
      <sheetName val="NC - NOLs, Statement 2"/>
      <sheetName val="NC - Officers, Statement 3"/>
      <sheetName val="NC Documents"/>
      <sheetName val="NC - hold"/>
      <sheetName val="NJ Schedule B Statements"/>
      <sheetName val="NJ Schedule C Statement"/>
      <sheetName val="NJ Schedule E Statement"/>
      <sheetName val="NJ Schedule F - Officers"/>
      <sheetName val="NJ Attachments"/>
      <sheetName val="NM Attachments"/>
      <sheetName val="NM Schedule 1"/>
      <sheetName val="NY NOL Stmt1"/>
      <sheetName val="NY Attachments"/>
      <sheetName val="NY Carryforward"/>
      <sheetName val="OH sch1"/>
      <sheetName val="OH Attachments"/>
      <sheetName val="PA Schedule - Other States"/>
      <sheetName val="PA sch"/>
      <sheetName val="SC Calc for License Fee"/>
      <sheetName val="SC attchmt- Officers&amp;Directors "/>
      <sheetName val="SC Attachments"/>
      <sheetName val="TN - WP Statement 1"/>
      <sheetName val="TN - Return Statement 1"/>
      <sheetName val="TN - Franchise Tax Calc."/>
      <sheetName val="TN Documents"/>
      <sheetName val="TX - Officers"/>
      <sheetName val="TX - NOLs"/>
      <sheetName val="TX Attachments"/>
      <sheetName val="WI Attachments"/>
      <sheetName val="CA"/>
      <sheetName val="CA Combined"/>
      <sheetName val="CA COGS"/>
      <sheetName val="CA Amort"/>
      <sheetName val="CA Interest"/>
      <sheetName val="CA sch1"/>
      <sheetName val="CT minimum tax on capital"/>
      <sheetName val="CT tax base appt."/>
      <sheetName val="CT Officers Stmt 1"/>
      <sheetName val="CT Surplus Reserves Stmt 2"/>
      <sheetName val="CT Attachments"/>
      <sheetName val="GA Net Worth"/>
      <sheetName val="GA Sch7"/>
      <sheetName val="GA NOL"/>
      <sheetName val="KY"/>
      <sheetName val="KY sch1"/>
      <sheetName val="KY elims Bal Sh"/>
      <sheetName val="KY elims Inc St"/>
      <sheetName val="MI sch1"/>
      <sheetName val="MO inc"/>
      <sheetName val="MO franch calc"/>
      <sheetName val="MO franch stmt 1"/>
      <sheetName val="MO franch attachments"/>
      <sheetName val="MS franch calc"/>
      <sheetName val="MS franch stmt1"/>
      <sheetName val="MS sch2"/>
      <sheetName val="MS stmt2"/>
      <sheetName val="MS stmt3"/>
      <sheetName val="MS stmt4"/>
      <sheetName val="MS stmt5"/>
      <sheetName val="MS Attachments"/>
      <sheetName val="NY Capital Base Tax Calc"/>
      <sheetName val="NY Underpayment of ES Taxes"/>
      <sheetName val="OK franch1"/>
      <sheetName val="OK franch2"/>
      <sheetName val="OK franch3"/>
      <sheetName val="OK Interest"/>
      <sheetName val="VA sch1"/>
      <sheetName val="WV franch interest"/>
      <sheetName val="WV franch tax calc"/>
      <sheetName val="WV franch tax attachments"/>
      <sheetName val="WV income sch1"/>
      <sheetName val="WV income sch2"/>
      <sheetName val="WV income tax attachments"/>
      <sheetName val="NC Form 1 Page 32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ECKS_2022"/>
      <sheetName val="CHECKS_2020"/>
      <sheetName val="Set Up - Cs"/>
      <sheetName val="Set Up - C4"/>
      <sheetName val="Alias"/>
      <sheetName val="Allocators"/>
      <sheetName val="C-1"/>
      <sheetName val="C-1 (Adjusted)"/>
      <sheetName val="MFR Deficiency Adjustments Ex."/>
      <sheetName val="C-2"/>
      <sheetName val="C-2 (Adjusted)"/>
      <sheetName val="C-3"/>
      <sheetName val="C-3 (Adjusted)"/>
      <sheetName val="C-6"/>
      <sheetName val="C-6 Flux"/>
      <sheetName val="C-6 (Hist)"/>
      <sheetName val="Ex. 2008 MOR_IncStmnt"/>
      <sheetName val="C-7"/>
      <sheetName val="C-8"/>
      <sheetName val="C-9"/>
      <sheetName val="C-12"/>
      <sheetName val="C-33"/>
      <sheetName val="C-33 Support"/>
      <sheetName val="C-36"/>
      <sheetName val="C-37"/>
      <sheetName val="C-37-2009"/>
      <sheetName val="C-38"/>
      <sheetName val="C-38-2009"/>
      <sheetName val="C-39"/>
      <sheetName val="C-39-2009"/>
      <sheetName val="C-39_ProForma adj"/>
      <sheetName val="C-40"/>
      <sheetName val="C-40 July_ CPI Support"/>
      <sheetName val="C-40 Oct_CPI Support"/>
      <sheetName val="Journal Entries"/>
      <sheetName val="FUEL REV"/>
      <sheetName val="Non-Fuel Report Revenue 2008"/>
      <sheetName val="C-4 (Rev) 2020"/>
      <sheetName val="C-4 (O&amp;M) 2020"/>
      <sheetName val="C-4 (Depr &amp; Taxes) 2020"/>
      <sheetName val="C-4 (Rev) 2020v2"/>
      <sheetName val="C-4 (Depr &amp; Taxes) 2020v2"/>
      <sheetName val="C-4 (Rev) 2010"/>
      <sheetName val="C-4 (Taxes) 2010"/>
      <sheetName val="CHECKS_2010 (2)"/>
      <sheetName val="CHECKS_2009 (2)"/>
      <sheetName val="Set Up - Cs (2)"/>
      <sheetName val="Set Up - C4 (2)"/>
      <sheetName val="Alias (2)"/>
      <sheetName val="Allocators (2)"/>
      <sheetName val="C-1 (2)"/>
      <sheetName val="MFR Deficiency Adjustments (2)"/>
      <sheetName val="C-1 (Adjusted) (2)"/>
      <sheetName val="C-2 (2)"/>
      <sheetName val="C-2 (Adjusted) (2)"/>
      <sheetName val="C-3 (2)"/>
      <sheetName val="C-3 (Adjusted) (2)"/>
      <sheetName val="C-6 (2)"/>
      <sheetName val="C-6 Flux (2)"/>
      <sheetName val="C-6 (Hist) (2)"/>
      <sheetName val="2008 MOR_IncStmnt (2)"/>
      <sheetName val="C-7 (2)"/>
      <sheetName val="C-8 (2)"/>
      <sheetName val="C-9 (2)"/>
      <sheetName val="C-12 (2)"/>
      <sheetName val="C-33 (2)"/>
      <sheetName val="C-33 Support (2)"/>
      <sheetName val="C-36 (2)"/>
      <sheetName val="C-37 (2)"/>
      <sheetName val="C-37-2009 (2)"/>
      <sheetName val="C-38 (2)"/>
      <sheetName val="C-38-2009 (2)"/>
      <sheetName val="C-39 (2)"/>
      <sheetName val="C-39-2009 (2)"/>
      <sheetName val="C-39_ProForma adj (2)"/>
      <sheetName val="C-40 (2)"/>
      <sheetName val="C-40 July_ CPI Support (2)"/>
      <sheetName val="C-40 Oct_CPI Support (2)"/>
      <sheetName val="Journal Entries (2)"/>
      <sheetName val="FUEL REV (2)"/>
      <sheetName val="Non-Fuel Report Revenue 200 (2)"/>
      <sheetName val="C-4 (Rev) 2008 (2)"/>
      <sheetName val="C-4 (O&amp;M) 2008 (2)"/>
      <sheetName val="C-4 (Depr &amp; Taxes) 2008 (2)"/>
      <sheetName val="C-4 (Rev) 2009 (2)"/>
      <sheetName val="C-4 (Depr &amp; Taxes) 2009 (2)"/>
      <sheetName val="C-4 (Rev) 2010 (2)"/>
      <sheetName val="C-4 (Taxes) 2010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Companies"/>
      <sheetName val="1999 2nd QTR Checklist"/>
      <sheetName val="TAXESTJE"/>
      <sheetName val="AMT"/>
      <sheetName val="MASTER"/>
      <sheetName val="Reg Tax Benefit Allocation"/>
      <sheetName val="M-1 Recon"/>
      <sheetName val="NI &amp; Tax Recon"/>
      <sheetName val="Tax Provision"/>
      <sheetName val="TAXPYMTS"/>
      <sheetName val="Meals &amp; Entertainment"/>
      <sheetName val="SFAS 109"/>
      <sheetName val="FCC Partnerships"/>
      <sheetName val="AZPB &amp; Hocky LP"/>
      <sheetName val="Taxes - PPT"/>
      <sheetName val="Taxes - Sales"/>
      <sheetName val="FAS 106"/>
      <sheetName val="Book Dep &amp; Amort (FF&amp;E)"/>
      <sheetName val="FF&amp;E Book Gain-Loss"/>
      <sheetName val="Tax-AMT Depr (FF&amp;E)"/>
      <sheetName val="Tradename Amort"/>
      <sheetName val="UCC Non-Compete Agreement"/>
      <sheetName val="Partnership AMT-ACE Depr Adj"/>
      <sheetName val="Sirrom Equity Kickers"/>
      <sheetName val="ESOP - 35004"/>
      <sheetName val="FRC Mark-To-Market Adjustments"/>
      <sheetName val="Resort Finance Incentive Fees"/>
      <sheetName val="JE Summary"/>
      <sheetName val="TAXESTJE (2)"/>
      <sheetName val="JE_3RD"/>
      <sheetName val="AMT "/>
      <sheetName val="MASTER "/>
      <sheetName val="Trade Name"/>
      <sheetName val="Deposits"/>
      <sheetName val="DFL Depr"/>
      <sheetName val="Lev Lse"/>
      <sheetName val="Emp Cont"/>
      <sheetName val="Pension"/>
      <sheetName val="M &amp; E"/>
      <sheetName val="Verex acc."/>
      <sheetName val="TRICON M-1"/>
      <sheetName val="Misc. Amort."/>
      <sheetName val="Mexican paper"/>
      <sheetName val="VENTANA GAIN"/>
      <sheetName val="1998 Extension Checklist"/>
      <sheetName val="Book Income Rec"/>
      <sheetName val="Auto Lea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lantDownload"/>
      <sheetName val="Rate04.wk3"/>
      <sheetName val="Plant Table"/>
      <sheetName val="Plant-PivotTbls"/>
      <sheetName val="PLANT"/>
      <sheetName val="Inc Stm 2002"/>
      <sheetName val="02budg"/>
      <sheetName val="BalanceSheet"/>
      <sheetName val="BS"/>
      <sheetName val="REV"/>
      <sheetName val="FUEL"/>
      <sheetName val="O&amp;M"/>
      <sheetName val="OTHERTAX"/>
      <sheetName val="RBASE"/>
      <sheetName val="CWIP"/>
      <sheetName val="WKCA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umentation-Low Risk"/>
      <sheetName val="Documentation-Medium Risk"/>
      <sheetName val="Documentation-High Risk"/>
      <sheetName val="High-Color Coded"/>
      <sheetName val="Retail Rate p27"/>
      <sheetName val="Wholesale Other Rate p30"/>
      <sheetName val="Unbilled Calc"/>
      <sheetName val="Data Table"/>
      <sheetName val="Module1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ines 12-26"/>
      <sheetName val="PRINT MACROS"/>
    </sheetNames>
    <sheetDataSet>
      <sheetData sheetId="0"/>
      <sheetData sheetId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Book-Tax"/>
      <sheetName val="Book-Prov"/>
      <sheetName val="MRTBASIS"/>
      <sheetName val="Summary"/>
      <sheetName val="#REF"/>
    </sheetNames>
    <sheetDataSet>
      <sheetData sheetId="0"/>
      <sheetData sheetId="1"/>
      <sheetData sheetId="2"/>
      <sheetData sheetId="3"/>
      <sheetData sheetId="4"/>
      <sheetData sheetId="5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"/>
      <sheetName val="Parent Debt Adj"/>
      <sheetName val="Capitalization 2020"/>
      <sheetName val="LTD Cost"/>
      <sheetName val="Interest Cost"/>
      <sheetName val="OCI (Hedges)"/>
      <sheetName val="Parent Elims"/>
      <sheetName val="Parent Debt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MEAC001"/>
      <sheetName val="MECE001&amp;002"/>
      <sheetName val="MEDE001-6"/>
      <sheetName val="ECRC-Cap"/>
      <sheetName val="MECL004"/>
      <sheetName val="MECW001-3"/>
      <sheetName val="MEED002"/>
      <sheetName val="MEMI001-4"/>
      <sheetName val="MEND001"/>
      <sheetName val="MEID001"/>
      <sheetName val="AA"/>
      <sheetName val="AB"/>
      <sheetName val="Gain-LossRecon"/>
      <sheetName val="Gain-2008"/>
      <sheetName val="Gain-2007"/>
      <sheetName val="Gain-2006"/>
      <sheetName val="Gain-2005"/>
      <sheetName val="Gain-2004"/>
      <sheetName val="Gain-2003"/>
      <sheetName val="Gain-2002"/>
      <sheetName val="GAIN-2001"/>
      <sheetName val="GAIN-2000"/>
      <sheetName val="GAIN-1999"/>
      <sheetName val="GAIN-1998"/>
      <sheetName val="GAIN-1997"/>
      <sheetName val="GAIN-1996"/>
      <sheetName val="GAIN-1995"/>
      <sheetName val="Module1"/>
      <sheetName val="Module2"/>
      <sheetName val="Module3"/>
      <sheetName val="ManualEntries 12-200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C"/>
      <sheetName val="D"/>
      <sheetName val="E"/>
      <sheetName val="F"/>
      <sheetName val="Current"/>
    </sheetNames>
    <sheetDataSet>
      <sheetData sheetId="0" refreshError="1"/>
      <sheetData sheetId="1"/>
      <sheetData sheetId="2"/>
      <sheetData sheetId="3"/>
      <sheetData sheetId="4"/>
      <sheetData sheetId="5"/>
      <sheetData sheetId="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C Form 1 Page 328"/>
      <sheetName val="FL Summary"/>
      <sheetName val="NC Summary"/>
      <sheetName val="SC Summary- Rowan"/>
      <sheetName val="SC Summary"/>
      <sheetName val="GA Summary"/>
      <sheetName val="VA Summary - Rowan"/>
      <sheetName val="VA Summary"/>
      <sheetName val="Payroll"/>
      <sheetName val="PropertySum"/>
      <sheetName val="Property"/>
      <sheetName val="PROPERTY FACTOR-LEASE PROPERTY"/>
      <sheetName val=" Sales Factor"/>
      <sheetName val="Nondesignated Sales"/>
      <sheetName val="Sheet1"/>
      <sheetName val="4797 Part 1"/>
      <sheetName val="Schedule M-1"/>
      <sheetName val="M-1 Accrue NC Inc Tax Pa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  <sheetData sheetId="16" refreshError="1"/>
      <sheetData sheetId="17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JP-1"/>
      <sheetName val="JP-2"/>
      <sheetName val="JP-3"/>
      <sheetName val="JP-4"/>
      <sheetName val="JP-5"/>
      <sheetName val="JP-7"/>
      <sheetName val="JP-9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 E1 (1)"/>
      <sheetName val="SCH E1 (2)"/>
      <sheetName val="SCH E1-A"/>
      <sheetName val="SCH E1-B-1"/>
      <sheetName val="SCH E1-C"/>
      <sheetName val="SCH E1-D"/>
      <sheetName val="SCH E1-E"/>
      <sheetName val="SCH E1-F"/>
      <sheetName val="SCH E2"/>
      <sheetName val="E3 Page 1"/>
      <sheetName val="E3 Page 2"/>
      <sheetName val="Section A-Fuel Prices"/>
      <sheetName val="Fuel Heat Values"/>
      <sheetName val="Fuel Price Input for E4"/>
      <sheetName val="E4 Page 1"/>
      <sheetName val="E4 Page 2"/>
      <sheetName val="E5 Page 1"/>
      <sheetName val="E5 Page 2"/>
      <sheetName val="E6 Page 1"/>
      <sheetName val="E6 Page 2"/>
      <sheetName val="E7 Page 1"/>
      <sheetName val="E7 Page 2"/>
      <sheetName val="E8 Page 1"/>
      <sheetName val="E9 Page 1"/>
      <sheetName val="E9 Page 2"/>
      <sheetName val="E10"/>
      <sheetName val="Inverted Fuel Rate"/>
      <sheetName val="Stratification"/>
      <sheetName val="Worksheet-Pasco Buyout"/>
      <sheetName val="Generation Adjustments"/>
      <sheetName val="Capability"/>
      <sheetName val="UF Steam Credi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perty ADIT "/>
      <sheetName val="2002 Summary - FINAL"/>
      <sheetName val="2002 PESC YTD TB"/>
      <sheetName val="True-Up Journal Entry"/>
      <sheetName val="Recon of Tax Expense"/>
      <sheetName val="True-up Calculation"/>
      <sheetName val="FDIT Allocation - Not Used"/>
      <sheetName val="State Data Input"/>
      <sheetName val="Balance Sheet Reconciliation"/>
      <sheetName val="Federal Payable Analysis"/>
      <sheetName val="2002 ADIT Rollforward"/>
      <sheetName val="ADIT Rollforward (ALL)"/>
      <sheetName val="ADIT Rollforward 190"/>
      <sheetName val="ADIT Rollforward 282"/>
      <sheetName val="ADIT Rollforward 283"/>
      <sheetName val="CPL&amp;PES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Various Adjs"/>
      <sheetName val="MECL004"/>
      <sheetName val="MEDE001-6"/>
      <sheetName val="MECW001-3"/>
      <sheetName val="MEMI001-4"/>
      <sheetName val="MEND001"/>
      <sheetName val="MEED002"/>
      <sheetName val="MEID001"/>
      <sheetName val="AA"/>
      <sheetName val="AB"/>
      <sheetName val="Gain-2013"/>
      <sheetName val="Gain-2012"/>
      <sheetName val="Gain-2011"/>
      <sheetName val="Gain-2010"/>
      <sheetName val="Gain-2009"/>
      <sheetName val="Gain-2008"/>
      <sheetName val="Gain-2007"/>
      <sheetName val="Gain-2006"/>
      <sheetName val="Gain-2005"/>
      <sheetName val="Gain Amort"/>
      <sheetName val="Gain-LossRecon"/>
      <sheetName val="Module1"/>
      <sheetName val="Module2"/>
      <sheetName val="Module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QUESTION.XLS"/>
      <sheetName val="TAXPACK"/>
      <sheetName val="LEAD SCHEDS."/>
      <sheetName val="COGS"/>
      <sheetName val="MAJOR TRANS"/>
      <sheetName val="TIMING DIFF"/>
      <sheetName val="ACCRUED BENEFITS"/>
      <sheetName val="OFFICERS' COMPENSATION"/>
      <sheetName val="BOOK GAIN-LOSS"/>
      <sheetName val="GAIN-LOSS AMORT"/>
      <sheetName val="DEPRECIATION"/>
      <sheetName val="Loss Reserve"/>
      <sheetName val="INTER-CO. PROFIT"/>
      <sheetName val="AMRT ACQ "/>
      <sheetName val="STATE INCOME TAX"/>
      <sheetName val="FORM 4626"/>
      <sheetName val="Module1"/>
      <sheetName val="Sheet1"/>
      <sheetName val="ASSET DISPOSALS &amp; TRANSFERS"/>
      <sheetName val="Preparers Notes"/>
      <sheetName val="PROVISION RECON."/>
      <sheetName val="FAMS REQUEST FORM"/>
      <sheetName val="PRINT MACROS"/>
      <sheetName val="Print 462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cedures &amp; Inputs"/>
      <sheetName val="To Do"/>
      <sheetName val="Allocators"/>
      <sheetName val="Proposed Increase"/>
      <sheetName val="E-1 (1)"/>
      <sheetName val="E-1 (2)"/>
      <sheetName val="E-2"/>
      <sheetName val="E-3a"/>
      <sheetName val="E-3b"/>
      <sheetName val="E-4a"/>
      <sheetName val="E-4b"/>
      <sheetName val="E-5"/>
      <sheetName val="E-5 Notes"/>
      <sheetName val="E-6a (1)"/>
      <sheetName val="E-6a (2)"/>
      <sheetName val="E-6a (3)"/>
      <sheetName val="E-6b"/>
      <sheetName val="E-7"/>
      <sheetName val="E-8"/>
      <sheetName val="E-8 (clause rev not filed)"/>
      <sheetName val="E-9"/>
      <sheetName val="E-10 (1-2) MWH"/>
      <sheetName val="E-10 (3) Jur MWH"/>
      <sheetName val="E-10 (4-9) MW &amp; Alloc Yr1"/>
      <sheetName val="E-10 (4-9) MW &amp; Alloc Yr2"/>
      <sheetName val="E-10 (4-9) MW &amp; Alloc Yr3"/>
      <sheetName val="E-10 (4-9) MW &amp; Alloc Yr4"/>
      <sheetName val="E-10 (4-9) MW &amp; Alloc Yr5"/>
      <sheetName val="E-10 (10) Whls Billing"/>
      <sheetName val="E-10 (11) Meter Invest"/>
      <sheetName val="E-10 (12) Meter Exp"/>
      <sheetName val="E-10 (13) MW"/>
      <sheetName val="E-10 (14) T&amp;D MW"/>
      <sheetName val="E-10 (15-16) MW data"/>
      <sheetName val="E-10 (17-19) Resource Capacity"/>
      <sheetName val="E-11"/>
      <sheetName val="E-12"/>
      <sheetName val="E-12 (old format)"/>
      <sheetName val="E-12 Citrus 1"/>
      <sheetName val="E-12 Citrus 2"/>
      <sheetName val="E-13a"/>
      <sheetName val="E-13b"/>
      <sheetName val="E-13b (Support)"/>
      <sheetName val="E-13c (RS-1)"/>
      <sheetName val="E-13c (GS-1)"/>
      <sheetName val="E-13c (GS-2)"/>
      <sheetName val="E-13c (GSD)"/>
      <sheetName val="E-13c (CS)"/>
      <sheetName val="E-13c (IS)"/>
      <sheetName val="E-13c (LS)"/>
      <sheetName val="E-13c (SS-1)"/>
      <sheetName val="E-13c (SS-2)"/>
      <sheetName val="E-13c (SS-3)"/>
      <sheetName val="E-14"/>
      <sheetName val="E-14A"/>
      <sheetName val="E-14B"/>
      <sheetName val="E-14C"/>
      <sheetName val="E-14D1"/>
      <sheetName val="E-14D2"/>
      <sheetName val="E-14d3"/>
      <sheetName val="E-14E"/>
      <sheetName val="E-14F"/>
      <sheetName val="E-14G"/>
      <sheetName val="E-14H"/>
      <sheetName val="E-15"/>
      <sheetName val="E-16"/>
      <sheetName val="E-17"/>
      <sheetName val="E-17 (last study)"/>
      <sheetName val="E-18"/>
      <sheetName val="E-19a (1)"/>
      <sheetName val="E-19a (2)"/>
      <sheetName val="E-19b"/>
      <sheetName val="E-19c"/>
      <sheetName val="Base Rates"/>
      <sheetName val="Rates"/>
      <sheetName val="Revenue Summary"/>
      <sheetName val="Revenue Detail"/>
      <sheetName val="Revenue - Yr1"/>
      <sheetName val="Revenue - Yr2"/>
      <sheetName val="Revenue - Yr3"/>
      <sheetName val="Revenue - Yr4"/>
      <sheetName val="Revenue - Yr5"/>
      <sheetName val="Forecast by RC - Yr1"/>
      <sheetName val="Forecast by RC - Yr2"/>
      <sheetName val="Forecast by RC - Yr3"/>
      <sheetName val="Forecast by RC - Yr4"/>
      <sheetName val="Forecast by RC - Yr5"/>
      <sheetName val="Checks by RC"/>
      <sheetName val="BA-1 Rates Current"/>
      <sheetName val="Sales Forecast - Yr1"/>
      <sheetName val="Sales Forecast - Yr2"/>
      <sheetName val="Sales Forecast - Yr3"/>
      <sheetName val="Sales Forecast - Yr4"/>
      <sheetName val="Sales Forecast - Yr5"/>
      <sheetName val="Sales Forecast - Yr6"/>
      <sheetName val="MW"/>
      <sheetName val="DR"/>
      <sheetName val="WDE"/>
      <sheetName val="BC"/>
      <sheetName val="BC Monthly"/>
      <sheetName val="CURST011A"/>
      <sheetName val="CIAC"/>
      <sheetName val="CIAC_RIDER"/>
      <sheetName val="SS Customers"/>
      <sheetName val="REG FL  FERC IS - 3 Adjusted"/>
      <sheetName val="FOF Gen"/>
      <sheetName val="FOF Purch"/>
      <sheetName val="DEF - REV - Electric Revenue Su"/>
      <sheetName val="Budget Export - DE Florida"/>
      <sheetName val="Rate Code Detai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bk-tax rec"/>
      <sheetName val="Prov to Ret"/>
      <sheetName val="Accrd WComp "/>
      <sheetName val="Accrd R&amp;M"/>
      <sheetName val="BK-FAS REC"/>
      <sheetName val="Book Depr Rec"/>
      <sheetName val="COST ACCUM ACCTS"/>
      <sheetName val="FAMSREQ.XLS"/>
      <sheetName val="PROFORMA 1120"/>
      <sheetName val="WORKPAPERS LINE 1-26"/>
      <sheetName val="INCOME TAX EXPENSE"/>
      <sheetName val="MISCELL"/>
      <sheetName val="Form 4626 support"/>
      <sheetName val="PREPARER'S NOTES &amp; OPEN ITEMS"/>
      <sheetName val="JE 41 Transmittal"/>
      <sheetName val="JE 9 Transmitt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bk-tax rec"/>
      <sheetName val="Prov to Ret"/>
      <sheetName val="Cost Accum 11-00"/>
      <sheetName val="Cost Accum 12-00"/>
      <sheetName val="Accr. Work Comp"/>
      <sheetName val="MISC SCHEDULES"/>
      <sheetName val="FAMSREQ.XLS"/>
      <sheetName val="ROYALTIES"/>
      <sheetName val="4626-94.XLS"/>
      <sheetName val="PROFORMA 112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Log of Changes"/>
      <sheetName val="Other"/>
      <sheetName val="Input Sheet"/>
      <sheetName val="Drivers Summary"/>
      <sheetName val="PGN Consolidated"/>
      <sheetName val="PGN Combined"/>
      <sheetName val="PGN Eliminations"/>
      <sheetName val="PGN Unconsolidated"/>
      <sheetName val="EV Consolidated"/>
      <sheetName val="PCH Consolidated"/>
      <sheetName val="PCH + EFC + PTC Combined"/>
      <sheetName val="PCH Eliminations"/>
      <sheetName val="PCH Unconsolidated"/>
      <sheetName val="Electric Fuels Consolidated"/>
      <sheetName val="PTC"/>
      <sheetName val="EV - Rail"/>
      <sheetName val="EV - Coal"/>
      <sheetName val="EV - Natural Gas"/>
      <sheetName val="EV - Terminals"/>
      <sheetName val="EV - Utility Marketing"/>
      <sheetName val="EV - Utility Trading"/>
      <sheetName val="EV - Merchant Trading"/>
      <sheetName val="EV - Merchant Marketing"/>
      <sheetName val="Synfuels"/>
      <sheetName val="CP&amp;L Retail"/>
      <sheetName val="CP&amp;L All"/>
      <sheetName val="FPC Retail"/>
      <sheetName val="FPC All"/>
      <sheetName val="NCNG-ENCNG"/>
      <sheetName val="SRS"/>
      <sheetName val="FPC Utility Mktg Eliminations"/>
      <sheetName val="CP&amp;L Utility Mktg Eliminations"/>
      <sheetName val="CP&amp;L Utility Trading Elim"/>
      <sheetName val="Service Company"/>
      <sheetName val="MISC SCHEDUL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Income Statement Summary"/>
      <sheetName val="Balance Sheet Summary"/>
      <sheetName val="Income Statement Detail"/>
      <sheetName val="Balance Sheet Detail"/>
      <sheetName val="Analysis of Oper. &amp; Maint."/>
      <sheetName val="Analysis of Retained Earnings"/>
      <sheetName val="Taxes Other Than Income"/>
      <sheetName val="Rev&amp;TroubleShtg"/>
      <sheetName val="basMain"/>
      <sheetName val="basButtons"/>
      <sheetName val="basPrint"/>
      <sheetName val="basErrorHandler"/>
      <sheetName val="basAdmin"/>
      <sheetName val="basMsgBox"/>
      <sheetName val="Macros"/>
      <sheetName val="dlgAdmin"/>
      <sheetName val="dlgPrintAOM"/>
      <sheetName val="dlgPrintBSD"/>
      <sheetName val="dlgPrintBSS"/>
      <sheetName val="dlgPrintISD"/>
      <sheetName val="dlgPrintISD2"/>
      <sheetName val="dlgPrintISD3"/>
      <sheetName val="dlgPrintISD4"/>
      <sheetName val="dlgPrintISD5"/>
      <sheetName val="dlgPrintISS"/>
      <sheetName val="dlgPrintTAX"/>
      <sheetName val="dlgViewAOM"/>
      <sheetName val="dlgViewBSD"/>
      <sheetName val="dlgViewBSS"/>
      <sheetName val="dlgViewISD"/>
      <sheetName val="dlgViewISD2"/>
      <sheetName val="dlgViewISD3"/>
      <sheetName val="dlgViewISD4"/>
      <sheetName val="dlgViewISD5"/>
      <sheetName val="dlgViewISS"/>
      <sheetName val="dlgViewTA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(2)"/>
      <sheetName val="Summary"/>
      <sheetName val="FL"/>
      <sheetName val="KY"/>
      <sheetName val="OH"/>
      <sheetName val="SC"/>
      <sheetName val="VA"/>
      <sheetName val="WV"/>
      <sheetName val="EFC FL"/>
      <sheetName val="Sheet2"/>
      <sheetName val="Sheet1"/>
      <sheetName val="Pre-tax Inc"/>
      <sheetName val="Tax Calc (2)"/>
      <sheetName val="Credit By Entity"/>
      <sheetName val="Tax Calc"/>
      <sheetName val="Colonapretax"/>
      <sheetName val="SumCash"/>
      <sheetName val="Consol."/>
      <sheetName val="EFC"/>
      <sheetName val="PTC"/>
      <sheetName val="Power"/>
      <sheetName val="Gross Sales Calc"/>
      <sheetName val="Contingent Payment"/>
      <sheetName val="SandyP&amp;I"/>
      <sheetName val="CeredoP&amp;I"/>
      <sheetName val="BigSandyP&amp;I"/>
      <sheetName val="PowellMtn"/>
      <sheetName val="Amort Sum"/>
      <sheetName val="Amort pg 1"/>
      <sheetName val="Amort pg 2"/>
      <sheetName val="AMT Depr"/>
      <sheetName val="Tax Depr"/>
      <sheetName val="EFC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8-2 Budget Recovery Exercise"/>
      <sheetName val="Generation Work Scope -CT &amp; FGD"/>
      <sheetName val="CCA"/>
      <sheetName val="Variables"/>
    </sheetNames>
    <sheetDataSet>
      <sheetData sheetId="0"/>
      <sheetData sheetId="1"/>
      <sheetData sheetId="2"/>
      <sheetData sheetId="3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mmercial Finance"/>
      <sheetName val="TotCorpFin"/>
      <sheetName val="Business Credit"/>
      <sheetName val="Corp Fin LOB"/>
      <sheetName val="CF - Santa Monica"/>
      <sheetName val="Comm Serv"/>
      <sheetName val="DCF"/>
      <sheetName val="RDG"/>
      <sheetName val="Growth Fin"/>
      <sheetName val="Growth East"/>
      <sheetName val="Growth West"/>
      <sheetName val="Growth Central"/>
      <sheetName val="morcmbsd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tes"/>
      <sheetName val="AMT Calc"/>
      <sheetName val="JE 9 to JE 41"/>
      <sheetName val="JE 9 Detail"/>
      <sheetName val="JE 9 Sum"/>
      <sheetName val="JE 9 Transmittal"/>
      <sheetName val="DIT Prov."/>
      <sheetName val="JE 41 Sum"/>
      <sheetName val="JE 41 Transmittal"/>
      <sheetName val="JE 41 Detail - YTD"/>
      <sheetName val="JE 41 Detail - Dec"/>
      <sheetName val="JE 41 Detail - Nov"/>
      <sheetName val="JE 41 Detail - Oct"/>
      <sheetName val="JE 41 Detail - Aug"/>
      <sheetName val="Reg Asset"/>
      <sheetName val="Reg Liab"/>
      <sheetName val="Permanents"/>
      <sheetName val="FERC 255"/>
      <sheetName val="FERC 281"/>
      <sheetName val="JE 41 Detail - 97 True-up"/>
      <sheetName val="JE 41 Detail - 98 True-up"/>
      <sheetName val="JE 41 Detail - Jan"/>
      <sheetName val="JE 41 Detail - Feb"/>
      <sheetName val="JE 41 Detail - Mar"/>
      <sheetName val="JE 41 Detail - Apr"/>
      <sheetName val="JE 41 Detail - May"/>
      <sheetName val="JE 41 Detail - Jun"/>
      <sheetName val="JE 41 Detail - Jul"/>
      <sheetName val="JE 41 Detail - Jul (2)"/>
      <sheetName val="JE 41 Detail - Sep (2)"/>
      <sheetName val="JE 41 Detail - Sep True Up"/>
      <sheetName val="JE 41 Detail - Sep"/>
      <sheetName val="ETR - Jan"/>
      <sheetName val="ETR - Feb"/>
      <sheetName val="ETR - Mar"/>
      <sheetName val="ETR - Apr"/>
      <sheetName val="ETR - May"/>
      <sheetName val="ETR - Jun"/>
      <sheetName val="ETR - Jul"/>
      <sheetName val="ETR - Jul (2)"/>
      <sheetName val="ETR - Aug"/>
      <sheetName val="ETR - Aug (2)"/>
      <sheetName val="ETR - Sep"/>
      <sheetName val="ETR - Oct"/>
      <sheetName val="ETR - Nov"/>
      <sheetName val="ETR - Dec"/>
      <sheetName val="Module1"/>
      <sheetName val="Module3"/>
      <sheetName val="JE 9 Correction"/>
      <sheetName val="M"/>
      <sheetName val="N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umentation-High Risk"/>
      <sheetName val="Upcoming Contracts"/>
      <sheetName val="Procedures"/>
      <sheetName val="Inputs"/>
      <sheetName val="Letter - Nonstrat"/>
      <sheetName val="Letter - Strat"/>
      <sheetName val="Letter - SEPA"/>
      <sheetName val="wfac detail"/>
      <sheetName val="Internal Generation"/>
      <sheetName val="Purchases Separator"/>
      <sheetName val="Nonstrat fac"/>
      <sheetName val="Strat Detail"/>
      <sheetName val="12 month roll avg Seperator"/>
      <sheetName val="Seperators"/>
      <sheetName val="SECI 95 &amp; 06 Interm"/>
      <sheetName val="Homestead Base"/>
      <sheetName val="Homestead Interm"/>
      <sheetName val="TECO 50 MW Base"/>
      <sheetName val="Reedy Creek w Collar"/>
      <sheetName val="GCAR Summary"/>
      <sheetName val="GCAR Table"/>
      <sheetName val="GCAR Download"/>
      <sheetName val="Homestead Sep. Sheet"/>
      <sheetName val="FP&amp;L Sep. Shee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umentation-High Risk"/>
      <sheetName val="Legend"/>
      <sheetName val="Input"/>
      <sheetName val="RETAIL FAC"/>
      <sheetName val="VARIANCE-ORIG PROJ"/>
      <sheetName val="UNBILLED"/>
      <sheetName val="GEN EXP ADJ"/>
      <sheetName val="FUEL REV"/>
      <sheetName val="CCR"/>
      <sheetName val="COGEN"/>
      <sheetName val="CCR - Sch A12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TD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C"/>
      <sheetName val="D"/>
      <sheetName val="E"/>
      <sheetName val="OCT01RD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Assumptions"/>
      <sheetName val="July vs Apr GFF"/>
      <sheetName val="Years Base-High-Low"/>
      <sheetName val="Generic Base-High-Low"/>
      <sheetName val="2005 Delivered"/>
      <sheetName val="2006 Delivered"/>
      <sheetName val="2005 Inc Base"/>
      <sheetName val="2006 Inc Base"/>
      <sheetName val="Delivered Base"/>
      <sheetName val="Delivered High"/>
      <sheetName val="Delivered Low"/>
      <sheetName val="Inc Base"/>
      <sheetName val="Inc High"/>
      <sheetName val="Inc Low"/>
      <sheetName val="High so2 Base"/>
      <sheetName val="High so2 High"/>
      <sheetName val="High so2 Low"/>
      <sheetName val="GED Rates"/>
      <sheetName val="GED Monthly 05 06"/>
      <sheetName val="Foreign JD Energy"/>
      <sheetName val="Foreign Trans"/>
      <sheetName val="UPI"/>
      <sheetName val="Trans Rates Monthly"/>
      <sheetName val="trans Sum 05"/>
      <sheetName val="Summary Base"/>
      <sheetName val="25-Year Coal Price Forecast"/>
      <sheetName val="StMM"/>
      <sheetName val="AEP-Quaker"/>
      <sheetName val="Black Gold-Sequoia"/>
      <sheetName val="Alliance"/>
      <sheetName val="Asset Management Group"/>
      <sheetName val="B&amp;W Resources"/>
      <sheetName val="Central Coal Co (1)"/>
      <sheetName val="Central Coal (2)"/>
      <sheetName val="CMC Columbia SA"/>
      <sheetName val="Consol"/>
      <sheetName val="Dominion"/>
      <sheetName val="Drummond"/>
      <sheetName val="Emerald"/>
      <sheetName val="Guasare-Mina Norte"/>
      <sheetName val="Guasare-Paso Diablo"/>
      <sheetName val="Massey (1)"/>
      <sheetName val="Massey (2)"/>
      <sheetName val="Progress Fuels"/>
      <sheetName val="PFC"/>
      <sheetName val="CAM KY LLC"/>
      <sheetName val="SPOT Foreign"/>
      <sheetName val="SPOT Domestic"/>
      <sheetName val="EndMM"/>
      <sheetName val="CSX Rates Qtrly"/>
      <sheetName val="CSX Tariff"/>
      <sheetName val="COGS 4&amp;5 "/>
      <sheetName val="$$ by Vendor"/>
      <sheetName val="Vendor Tons"/>
      <sheetName val="AE-Low"/>
      <sheetName val="AE-High"/>
      <sheetName val="AE-Base"/>
      <sheetName val="Reg Coal"/>
      <sheetName val="Reg COGS"/>
      <sheetName val="Incremental"/>
      <sheetName val="High Sulfur - Blended"/>
      <sheetName val="High Sulfur - Water"/>
      <sheetName val="High Sulfur - Rail"/>
      <sheetName val="High Sulfur Table Calculation"/>
      <sheetName val="SG&amp;A"/>
      <sheetName val="AE Sum"/>
      <sheetName val="Cognos AE"/>
      <sheetName val="Calcs"/>
      <sheetName val="Tonnage Projection as of 4-15-0"/>
      <sheetName val="Jan"/>
      <sheetName val="Feb"/>
      <sheetName val="Mar"/>
      <sheetName val="April"/>
      <sheetName val="Base-High-Low Apr 05"/>
      <sheetName val="Summary Apr 05"/>
      <sheetName val="Henwood April 05"/>
      <sheetName val="2004 Ba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ESTIMONY"/>
      <sheetName val="MONTH1"/>
      <sheetName val="MONTH2"/>
      <sheetName val="MONTH3"/>
      <sheetName val="MONTH4"/>
      <sheetName val="MONTH5"/>
      <sheetName val="MONTH6"/>
      <sheetName val="MONTH7"/>
      <sheetName val="MONTH8"/>
      <sheetName val="MONTH9"/>
      <sheetName val="MONTH10"/>
      <sheetName val="MONTH11"/>
      <sheetName val="MONTH12"/>
      <sheetName val="Link_Sheet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FERCPages"/>
    </sheetNames>
    <sheetDataSet>
      <sheetData sheetId="0"/>
      <sheetData sheetId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NRC Fees"/>
      <sheetName val="MTSA Jul06-Dec07"/>
      <sheetName val="NRC Jul06-Dec07"/>
      <sheetName val="NERC (2007-2010)"/>
      <sheetName val="NERC (2007-2010) (2)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ESTIMONY"/>
      <sheetName val="MONTH1"/>
      <sheetName val="MONTH2"/>
      <sheetName val="MONTH3"/>
      <sheetName val="MONTH4"/>
      <sheetName val="MONTH5"/>
      <sheetName val="MONTH6"/>
      <sheetName val="MONTH7"/>
      <sheetName val="MONTH8"/>
      <sheetName val="MONTH9"/>
      <sheetName val="MONTH10"/>
      <sheetName val="MONTH11"/>
      <sheetName val="MONTH12"/>
      <sheetName val="Link_Sheet"/>
      <sheetName val="Module1"/>
      <sheetName val="Module2"/>
      <sheetName val="Module3"/>
      <sheetName val="Module4"/>
      <sheetName val="Module5"/>
      <sheetName val="Module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34D1DB-9C5B-4C1C-B923-0342F1C48DAD}">
  <sheetPr>
    <pageSetUpPr fitToPage="1"/>
  </sheetPr>
  <dimension ref="A1:E12"/>
  <sheetViews>
    <sheetView tabSelected="1" view="pageLayout" topLeftCell="A61" zoomScaleNormal="100" workbookViewId="0">
      <selection activeCell="A2" sqref="A2"/>
    </sheetView>
  </sheetViews>
  <sheetFormatPr defaultColWidth="9.33203125" defaultRowHeight="14.4" x14ac:dyDescent="0.3"/>
  <cols>
    <col min="1" max="1" width="62.33203125" style="2" customWidth="1"/>
    <col min="2" max="2" width="2.33203125" style="2" customWidth="1"/>
    <col min="3" max="5" width="19.77734375" style="2" customWidth="1"/>
    <col min="6" max="16384" width="9.33203125" style="2"/>
  </cols>
  <sheetData>
    <row r="1" spans="1:5" x14ac:dyDescent="0.3">
      <c r="A1" s="1" t="s">
        <v>0</v>
      </c>
    </row>
    <row r="2" spans="1:5" x14ac:dyDescent="0.3">
      <c r="A2" s="5"/>
    </row>
    <row r="3" spans="1:5" x14ac:dyDescent="0.3">
      <c r="C3" s="4">
        <v>2025</v>
      </c>
      <c r="D3" s="4">
        <v>2026</v>
      </c>
      <c r="E3" s="4">
        <v>2027</v>
      </c>
    </row>
    <row r="4" spans="1:5" x14ac:dyDescent="0.3">
      <c r="A4" s="2" t="s">
        <v>1</v>
      </c>
      <c r="C4" s="7">
        <v>1592278178.0600004</v>
      </c>
      <c r="D4" s="7">
        <v>1592278178.0600004</v>
      </c>
      <c r="E4" s="7">
        <v>1592278178.0600004</v>
      </c>
    </row>
    <row r="5" spans="1:5" x14ac:dyDescent="0.3">
      <c r="A5" s="2" t="s">
        <v>2</v>
      </c>
      <c r="C5" s="6">
        <v>8.9200000000000008E-3</v>
      </c>
      <c r="D5" s="6">
        <v>1.0189999999999999E-2</v>
      </c>
      <c r="E5" s="6">
        <v>1.174E-2</v>
      </c>
    </row>
    <row r="6" spans="1:5" x14ac:dyDescent="0.3">
      <c r="A6" s="1" t="s">
        <v>3</v>
      </c>
      <c r="B6" s="1"/>
      <c r="C6" s="8">
        <f>C4*C5</f>
        <v>14203121.348295204</v>
      </c>
      <c r="D6" s="8">
        <f t="shared" ref="D6:E6" si="0">D4*D5</f>
        <v>16225314.634431403</v>
      </c>
      <c r="E6" s="8">
        <f t="shared" si="0"/>
        <v>18693345.810424406</v>
      </c>
    </row>
    <row r="8" spans="1:5" x14ac:dyDescent="0.3">
      <c r="A8" s="2" t="s">
        <v>4</v>
      </c>
      <c r="C8" s="2">
        <v>0.92147000000000001</v>
      </c>
      <c r="D8" s="3">
        <v>0.92110000000000003</v>
      </c>
      <c r="E8" s="2">
        <v>0.92074</v>
      </c>
    </row>
    <row r="9" spans="1:5" x14ac:dyDescent="0.3">
      <c r="A9" s="1" t="s">
        <v>5</v>
      </c>
      <c r="B9" s="1"/>
      <c r="C9" s="8">
        <f>C6*C8</f>
        <v>13087750.228813583</v>
      </c>
      <c r="D9" s="8">
        <f t="shared" ref="D9:E9" si="1">D6*D8</f>
        <v>14945137.309774766</v>
      </c>
      <c r="E9" s="8">
        <f t="shared" si="1"/>
        <v>17211711.221490167</v>
      </c>
    </row>
    <row r="12" spans="1:5" x14ac:dyDescent="0.3">
      <c r="A12" s="2" t="s">
        <v>6</v>
      </c>
    </row>
  </sheetData>
  <pageMargins left="0.7" right="0.7" top="0.75" bottom="0.75" header="0.3" footer="0.3"/>
  <pageSetup scale="81" orientation="portrait" r:id="rId1"/>
  <headerFooter>
    <oddHeader xml:space="preserve">&amp;RDEF's Response to Staff ROG 6 (55-73) 
Q6-56
Page&amp;P of &amp;N 
</oddHeader>
    <oddFooter>&amp;R20240025-STAFFROG6-00001093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1791244-700A-4CD1-8665-2C63A8770487}">
  <ds:schemaRefs>
    <ds:schemaRef ds:uri="http://purl.org/dc/elements/1.1/"/>
    <ds:schemaRef ds:uri="http://schemas.microsoft.com/office/2006/documentManagement/types"/>
    <ds:schemaRef ds:uri="cb0cb807-e4cb-4197-a0a9-ff4221d065c9"/>
    <ds:schemaRef ds:uri="http://www.w3.org/XML/1998/namespace"/>
    <ds:schemaRef ds:uri="fb449c68-7da9-4414-a7d8-785e223757ce"/>
    <ds:schemaRef ds:uri="http://schemas.microsoft.com/office/2006/metadata/properties"/>
    <ds:schemaRef ds:uri="http://schemas.microsoft.com/office/infopath/2007/PartnerControls"/>
    <ds:schemaRef ds:uri="http://schemas.openxmlformats.org/package/2006/metadata/core-properties"/>
    <ds:schemaRef ds:uri="1f9b4577-d510-4d0a-9b77-58a7ce050573"/>
    <ds:schemaRef ds:uri="http://purl.org/dc/dcmitype/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441A29AE-D767-4AF1-A79B-D998A40ECE7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D301E9E-DA58-4511-BB08-C1359F86E95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arent-Debt Adjustment Forecast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dcterms:created xsi:type="dcterms:W3CDTF">2019-12-30T14:34:36Z</dcterms:created>
  <dcterms:modified xsi:type="dcterms:W3CDTF">2024-06-12T23:13:4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